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31_湯河原町\"/>
    </mc:Choice>
  </mc:AlternateContent>
  <workbookProtection workbookAlgorithmName="SHA-512" workbookHashValue="gFs2gHjz50Twpqd6W60fogd8g7k9dp+SoKlr2FYOSygHEZZlHNCXNxFXNOHf3++lrF3yIXTdGIu43M7AKZ910w==" workbookSaltValue="RVgE3mkkHABK7Mi2I6kSIw=="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AD10" i="4" s="1"/>
  <c r="Q6" i="5"/>
  <c r="P6" i="5"/>
  <c r="O6" i="5"/>
  <c r="N6" i="5"/>
  <c r="B10" i="4" s="1"/>
  <c r="M6" i="5"/>
  <c r="AD8" i="4" s="1"/>
  <c r="L6" i="5"/>
  <c r="K6" i="5"/>
  <c r="J6" i="5"/>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P10" i="4"/>
  <c r="I10" i="4"/>
  <c r="BB8" i="4"/>
  <c r="AT8" i="4"/>
  <c r="AL8" i="4"/>
  <c r="W8" i="4"/>
  <c r="P8" i="4"/>
  <c r="I8" i="4"/>
  <c r="B6" i="4"/>
</calcChain>
</file>

<file path=xl/sharedStrings.xml><?xml version="1.0" encoding="utf-8"?>
<sst xmlns="http://schemas.openxmlformats.org/spreadsheetml/2006/main" count="278" uniqueCount="116">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湯河原町</t>
  </si>
  <si>
    <t>法適用</t>
  </si>
  <si>
    <t>下水道事業</t>
  </si>
  <si>
    <t>特定環境保全公共下水道</t>
  </si>
  <si>
    <t>D2</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本処理区域については、平成７年度に事業着手、処理施設については公共下水道事業で建設された施設（昭和60年に供用開始）を利用しています。
　建設開始からの年月も短く、管路施設の日常点検においては腐食や破損等は見受けられない状況下にあります。今後も日常点検結果に注視し、地域住民生活のライフラインとしての使命を果たすよう点検に努め、老朽化の状況を確認していきます。
　ただし、本処理区域から下流の公共下水道処理区域内の管渠や処理場については、老朽化対策が必要な時期にあり、当該施設を利用している本処理区域においても効率的な老朽化対策事業の取り組みを検討していきます。</t>
    <rPh sb="1" eb="2">
      <t>ホン</t>
    </rPh>
    <rPh sb="2" eb="4">
      <t>ショリ</t>
    </rPh>
    <rPh sb="4" eb="6">
      <t>クイキ</t>
    </rPh>
    <rPh sb="12" eb="14">
      <t>ヘイセイ</t>
    </rPh>
    <rPh sb="15" eb="17">
      <t>ネンド</t>
    </rPh>
    <rPh sb="18" eb="20">
      <t>ジギョウ</t>
    </rPh>
    <rPh sb="20" eb="22">
      <t>チャクシュ</t>
    </rPh>
    <rPh sb="23" eb="25">
      <t>ショリ</t>
    </rPh>
    <rPh sb="25" eb="27">
      <t>シセツ</t>
    </rPh>
    <rPh sb="32" eb="34">
      <t>コウキョウ</t>
    </rPh>
    <rPh sb="34" eb="37">
      <t>ゲスイドウ</t>
    </rPh>
    <rPh sb="37" eb="39">
      <t>ジギョウ</t>
    </rPh>
    <rPh sb="40" eb="42">
      <t>ケンセツ</t>
    </rPh>
    <rPh sb="45" eb="47">
      <t>シセツ</t>
    </rPh>
    <rPh sb="48" eb="50">
      <t>ショウワ</t>
    </rPh>
    <rPh sb="52" eb="53">
      <t>ネン</t>
    </rPh>
    <rPh sb="54" eb="56">
      <t>キョウヨウ</t>
    </rPh>
    <rPh sb="56" eb="58">
      <t>カイシ</t>
    </rPh>
    <rPh sb="60" eb="62">
      <t>リヨウ</t>
    </rPh>
    <rPh sb="70" eb="72">
      <t>ケンセツ</t>
    </rPh>
    <rPh sb="72" eb="74">
      <t>カイシ</t>
    </rPh>
    <rPh sb="77" eb="79">
      <t>ネンゲツ</t>
    </rPh>
    <rPh sb="80" eb="81">
      <t>ミジカ</t>
    </rPh>
    <rPh sb="83" eb="85">
      <t>カンロ</t>
    </rPh>
    <rPh sb="85" eb="87">
      <t>シセツ</t>
    </rPh>
    <rPh sb="88" eb="90">
      <t>ニチジョウ</t>
    </rPh>
    <rPh sb="90" eb="92">
      <t>テンケン</t>
    </rPh>
    <rPh sb="97" eb="99">
      <t>フショク</t>
    </rPh>
    <rPh sb="100" eb="102">
      <t>ハソン</t>
    </rPh>
    <rPh sb="102" eb="103">
      <t>トウ</t>
    </rPh>
    <rPh sb="104" eb="106">
      <t>ミウ</t>
    </rPh>
    <rPh sb="111" eb="113">
      <t>ジョウキョウ</t>
    </rPh>
    <rPh sb="113" eb="114">
      <t>シタ</t>
    </rPh>
    <rPh sb="120" eb="122">
      <t>コンゴ</t>
    </rPh>
    <rPh sb="123" eb="125">
      <t>ニチジョウ</t>
    </rPh>
    <rPh sb="125" eb="127">
      <t>テンケン</t>
    </rPh>
    <rPh sb="127" eb="129">
      <t>ケッカ</t>
    </rPh>
    <rPh sb="130" eb="132">
      <t>チュウシ</t>
    </rPh>
    <rPh sb="134" eb="136">
      <t>チイキ</t>
    </rPh>
    <rPh sb="136" eb="138">
      <t>ジュウミン</t>
    </rPh>
    <rPh sb="138" eb="140">
      <t>セイカツ</t>
    </rPh>
    <rPh sb="151" eb="153">
      <t>シメイ</t>
    </rPh>
    <rPh sb="154" eb="155">
      <t>ハ</t>
    </rPh>
    <rPh sb="159" eb="161">
      <t>テンケン</t>
    </rPh>
    <rPh sb="162" eb="163">
      <t>ツト</t>
    </rPh>
    <rPh sb="165" eb="168">
      <t>ロウキュウカ</t>
    </rPh>
    <rPh sb="169" eb="171">
      <t>ジョウキョウ</t>
    </rPh>
    <rPh sb="172" eb="174">
      <t>カクニン</t>
    </rPh>
    <rPh sb="187" eb="188">
      <t>ホン</t>
    </rPh>
    <rPh sb="188" eb="190">
      <t>ショリ</t>
    </rPh>
    <rPh sb="190" eb="192">
      <t>クイキ</t>
    </rPh>
    <rPh sb="194" eb="196">
      <t>カリュウ</t>
    </rPh>
    <rPh sb="197" eb="199">
      <t>コウキョウ</t>
    </rPh>
    <rPh sb="199" eb="202">
      <t>ゲスイドウ</t>
    </rPh>
    <rPh sb="202" eb="204">
      <t>ショリ</t>
    </rPh>
    <rPh sb="204" eb="207">
      <t>クイキナイ</t>
    </rPh>
    <rPh sb="208" eb="210">
      <t>カンキョ</t>
    </rPh>
    <rPh sb="211" eb="214">
      <t>ショリジョウ</t>
    </rPh>
    <rPh sb="220" eb="223">
      <t>ロウキュウカ</t>
    </rPh>
    <rPh sb="223" eb="225">
      <t>タイサク</t>
    </rPh>
    <rPh sb="226" eb="228">
      <t>ヒツヨウ</t>
    </rPh>
    <rPh sb="229" eb="231">
      <t>ジキ</t>
    </rPh>
    <rPh sb="235" eb="237">
      <t>トウガイ</t>
    </rPh>
    <rPh sb="237" eb="239">
      <t>シセツ</t>
    </rPh>
    <rPh sb="240" eb="242">
      <t>リヨウ</t>
    </rPh>
    <rPh sb="246" eb="247">
      <t>ホン</t>
    </rPh>
    <rPh sb="247" eb="249">
      <t>ショリ</t>
    </rPh>
    <rPh sb="249" eb="251">
      <t>クイキ</t>
    </rPh>
    <rPh sb="256" eb="259">
      <t>コウリツテキ</t>
    </rPh>
    <rPh sb="260" eb="263">
      <t>ロウキュウカ</t>
    </rPh>
    <rPh sb="263" eb="265">
      <t>タイサク</t>
    </rPh>
    <rPh sb="265" eb="267">
      <t>ジギョウ</t>
    </rPh>
    <rPh sb="268" eb="269">
      <t>ト</t>
    </rPh>
    <rPh sb="270" eb="271">
      <t>ク</t>
    </rPh>
    <rPh sb="273" eb="275">
      <t>ケントウ</t>
    </rPh>
    <phoneticPr fontId="4"/>
  </si>
  <si>
    <t>　経常収支比率は、100％を上回っている状況にあります。定住者においては少子高齢化による人口減少並びに節水機器の普及に伴う処理水量の減少等による使用料収入の減少が推測されます。
　本処理区域は、公共下水道関連特定環境保全公共下水道であり、対象施設は管渠施設のみですが、現状は劣化等の不具合はほとんど無いものの、施設の健全度を維持していくため、今後の日常点検や清掃等の維持管理を計画的に行い、施設老朽化に伴う支出費用の抑制を図っていく必要があります。</t>
    <rPh sb="1" eb="3">
      <t>ケイジョウ</t>
    </rPh>
    <rPh sb="3" eb="5">
      <t>シュウシ</t>
    </rPh>
    <rPh sb="5" eb="7">
      <t>ヒリツ</t>
    </rPh>
    <rPh sb="14" eb="16">
      <t>ウワマワ</t>
    </rPh>
    <rPh sb="20" eb="22">
      <t>ジョウキョウ</t>
    </rPh>
    <rPh sb="28" eb="31">
      <t>テイジュウシャ</t>
    </rPh>
    <rPh sb="36" eb="38">
      <t>ショウシ</t>
    </rPh>
    <rPh sb="38" eb="41">
      <t>コウレイカ</t>
    </rPh>
    <rPh sb="44" eb="46">
      <t>ジンコウ</t>
    </rPh>
    <rPh sb="46" eb="48">
      <t>ゲンショウ</t>
    </rPh>
    <rPh sb="48" eb="49">
      <t>ナラ</t>
    </rPh>
    <rPh sb="51" eb="53">
      <t>セッスイ</t>
    </rPh>
    <rPh sb="53" eb="55">
      <t>キキ</t>
    </rPh>
    <rPh sb="56" eb="58">
      <t>フキュウ</t>
    </rPh>
    <rPh sb="59" eb="60">
      <t>トモナ</t>
    </rPh>
    <rPh sb="61" eb="63">
      <t>ショリ</t>
    </rPh>
    <rPh sb="63" eb="65">
      <t>スイリョウ</t>
    </rPh>
    <rPh sb="66" eb="68">
      <t>ゲンショウ</t>
    </rPh>
    <rPh sb="68" eb="69">
      <t>トウ</t>
    </rPh>
    <rPh sb="72" eb="75">
      <t>シヨウリョウ</t>
    </rPh>
    <rPh sb="75" eb="77">
      <t>シュウニュウ</t>
    </rPh>
    <rPh sb="78" eb="80">
      <t>ゲンショウ</t>
    </rPh>
    <rPh sb="81" eb="83">
      <t>スイソク</t>
    </rPh>
    <rPh sb="90" eb="91">
      <t>ホン</t>
    </rPh>
    <rPh sb="91" eb="93">
      <t>ショリ</t>
    </rPh>
    <rPh sb="93" eb="95">
      <t>クイキ</t>
    </rPh>
    <rPh sb="97" eb="99">
      <t>コウキョウ</t>
    </rPh>
    <rPh sb="99" eb="102">
      <t>ゲスイドウ</t>
    </rPh>
    <rPh sb="102" eb="104">
      <t>カンレン</t>
    </rPh>
    <rPh sb="104" eb="106">
      <t>トクテイ</t>
    </rPh>
    <rPh sb="106" eb="108">
      <t>カンキョウ</t>
    </rPh>
    <rPh sb="108" eb="110">
      <t>ホゼン</t>
    </rPh>
    <rPh sb="110" eb="112">
      <t>コウキョウ</t>
    </rPh>
    <rPh sb="112" eb="115">
      <t>ゲスイドウ</t>
    </rPh>
    <rPh sb="119" eb="121">
      <t>タイショウ</t>
    </rPh>
    <rPh sb="121" eb="123">
      <t>シセツ</t>
    </rPh>
    <rPh sb="124" eb="126">
      <t>カンキョ</t>
    </rPh>
    <rPh sb="126" eb="128">
      <t>シセツ</t>
    </rPh>
    <rPh sb="134" eb="136">
      <t>ゲンジョウ</t>
    </rPh>
    <rPh sb="137" eb="139">
      <t>レッカ</t>
    </rPh>
    <rPh sb="139" eb="140">
      <t>トウ</t>
    </rPh>
    <rPh sb="141" eb="144">
      <t>フグアイ</t>
    </rPh>
    <rPh sb="149" eb="150">
      <t>ナ</t>
    </rPh>
    <rPh sb="155" eb="157">
      <t>シセツ</t>
    </rPh>
    <rPh sb="158" eb="160">
      <t>ケンゼン</t>
    </rPh>
    <rPh sb="160" eb="161">
      <t>ド</t>
    </rPh>
    <rPh sb="162" eb="164">
      <t>イジ</t>
    </rPh>
    <rPh sb="171" eb="173">
      <t>コンゴ</t>
    </rPh>
    <rPh sb="174" eb="176">
      <t>ニチジョウ</t>
    </rPh>
    <rPh sb="176" eb="178">
      <t>テンケン</t>
    </rPh>
    <rPh sb="179" eb="181">
      <t>セイソウ</t>
    </rPh>
    <rPh sb="181" eb="182">
      <t>トウ</t>
    </rPh>
    <rPh sb="183" eb="185">
      <t>イジ</t>
    </rPh>
    <rPh sb="185" eb="187">
      <t>カンリ</t>
    </rPh>
    <rPh sb="188" eb="191">
      <t>ケイカクテキ</t>
    </rPh>
    <rPh sb="192" eb="193">
      <t>オコナ</t>
    </rPh>
    <rPh sb="195" eb="197">
      <t>シセツ</t>
    </rPh>
    <rPh sb="197" eb="200">
      <t>ロウキュウカ</t>
    </rPh>
    <rPh sb="201" eb="202">
      <t>トモナ</t>
    </rPh>
    <rPh sb="203" eb="205">
      <t>シシュツ</t>
    </rPh>
    <rPh sb="205" eb="207">
      <t>ヒヨウ</t>
    </rPh>
    <rPh sb="208" eb="210">
      <t>ヨクセイ</t>
    </rPh>
    <rPh sb="211" eb="212">
      <t>ハカ</t>
    </rPh>
    <rPh sb="216" eb="218">
      <t>ヒツヨウ</t>
    </rPh>
    <phoneticPr fontId="4"/>
  </si>
  <si>
    <t>　経常収支比率は、昨年度よりも高くなっています。累積欠損金もありません。
　企業債残高対事業規模比率は、昨年度よりも低くなり、また、類似団体平均値よりも低いです。
　経費回収率は、昨年度よりも高くなって、100％以上を上回っています。汚水処理原価は、昨年度より低くなって類似団体平均値よりも下回っています。
　施設利用率については、公共下水道事業で建設された施設（昭和60年に供用開始）を利用しているため未計上です。
　本処理区域は、温泉観光地であり、宿泊施設などの大規模施設が多いため、施設改造負担などが大きくなり水洗化率が伸び悩む傾向にあります。ただし、宿泊施設等の１軒の接続で各数値が一気に改善する要因を持っています。
　本処理区域内の管渠施設の老朽化対策は、まだ不要と考えられますが、将来的に改築、更新費用の発生が予測されます。したがって、収入増のため更なる接続（水洗化）の推進を図り、事業所への啓発活動並びに下水道事業の状況について住民や使用者に理解していただいた上での下水道使用料の見直し、維持管理の効率化を図る必要があります。
　以上の対策を実施するため、本事業については公共下水道と合わせ、住民の理解を得ながら収入の柱となる下水道使用料の水準の適正化を図り、下水道サービスを提供していきます。</t>
    <rPh sb="1" eb="3">
      <t>ケイジョウ</t>
    </rPh>
    <rPh sb="3" eb="5">
      <t>シュウシ</t>
    </rPh>
    <rPh sb="5" eb="7">
      <t>ヒリツ</t>
    </rPh>
    <rPh sb="9" eb="12">
      <t>サクネンド</t>
    </rPh>
    <rPh sb="15" eb="16">
      <t>タカ</t>
    </rPh>
    <rPh sb="24" eb="26">
      <t>ルイセキ</t>
    </rPh>
    <rPh sb="26" eb="29">
      <t>ケッソンキン</t>
    </rPh>
    <rPh sb="38" eb="40">
      <t>キギョウ</t>
    </rPh>
    <rPh sb="40" eb="41">
      <t>サイ</t>
    </rPh>
    <rPh sb="41" eb="43">
      <t>ザンダカ</t>
    </rPh>
    <rPh sb="43" eb="44">
      <t>タイ</t>
    </rPh>
    <rPh sb="44" eb="46">
      <t>ジギョウ</t>
    </rPh>
    <rPh sb="46" eb="48">
      <t>キボ</t>
    </rPh>
    <rPh sb="48" eb="50">
      <t>ヒリツ</t>
    </rPh>
    <rPh sb="52" eb="55">
      <t>サクネンド</t>
    </rPh>
    <rPh sb="58" eb="59">
      <t>ヒク</t>
    </rPh>
    <rPh sb="66" eb="68">
      <t>ルイジ</t>
    </rPh>
    <rPh sb="68" eb="70">
      <t>ダンタイ</t>
    </rPh>
    <rPh sb="70" eb="73">
      <t>ヘイキンチ</t>
    </rPh>
    <rPh sb="76" eb="77">
      <t>ヒク</t>
    </rPh>
    <rPh sb="83" eb="85">
      <t>ケイヒ</t>
    </rPh>
    <rPh sb="85" eb="87">
      <t>カイシュウ</t>
    </rPh>
    <rPh sb="87" eb="88">
      <t>リツ</t>
    </rPh>
    <rPh sb="90" eb="93">
      <t>サクネンド</t>
    </rPh>
    <rPh sb="96" eb="97">
      <t>タカ</t>
    </rPh>
    <rPh sb="105" eb="108">
      <t>パーセントイジョウ</t>
    </rPh>
    <rPh sb="109" eb="110">
      <t>ウワ</t>
    </rPh>
    <rPh sb="110" eb="111">
      <t>マワ</t>
    </rPh>
    <rPh sb="117" eb="119">
      <t>オスイ</t>
    </rPh>
    <rPh sb="119" eb="121">
      <t>ショリ</t>
    </rPh>
    <rPh sb="121" eb="123">
      <t>ゲンカ</t>
    </rPh>
    <rPh sb="125" eb="128">
      <t>サクネンド</t>
    </rPh>
    <rPh sb="130" eb="131">
      <t>ヒク</t>
    </rPh>
    <rPh sb="135" eb="137">
      <t>ルイジ</t>
    </rPh>
    <rPh sb="137" eb="139">
      <t>ダンタイ</t>
    </rPh>
    <rPh sb="139" eb="142">
      <t>ヘイキンチ</t>
    </rPh>
    <rPh sb="145" eb="147">
      <t>シタマワ</t>
    </rPh>
    <rPh sb="155" eb="157">
      <t>シセツ</t>
    </rPh>
    <rPh sb="157" eb="160">
      <t>リヨウリツ</t>
    </rPh>
    <rPh sb="166" eb="168">
      <t>コウキョウ</t>
    </rPh>
    <rPh sb="168" eb="171">
      <t>ゲスイドウ</t>
    </rPh>
    <rPh sb="171" eb="173">
      <t>ジギョウ</t>
    </rPh>
    <rPh sb="174" eb="176">
      <t>ケンセツ</t>
    </rPh>
    <rPh sb="179" eb="181">
      <t>シセツ</t>
    </rPh>
    <rPh sb="182" eb="184">
      <t>ショウワ</t>
    </rPh>
    <rPh sb="186" eb="187">
      <t>ネン</t>
    </rPh>
    <rPh sb="188" eb="190">
      <t>キョウヨウ</t>
    </rPh>
    <rPh sb="190" eb="192">
      <t>カイシ</t>
    </rPh>
    <rPh sb="194" eb="196">
      <t>リヨウ</t>
    </rPh>
    <rPh sb="202" eb="205">
      <t>ミケイジョウ</t>
    </rPh>
    <rPh sb="210" eb="211">
      <t>ホン</t>
    </rPh>
    <rPh sb="211" eb="213">
      <t>ショリ</t>
    </rPh>
    <rPh sb="213" eb="215">
      <t>クイキ</t>
    </rPh>
    <rPh sb="217" eb="219">
      <t>オンセン</t>
    </rPh>
    <rPh sb="219" eb="222">
      <t>カンコウチ</t>
    </rPh>
    <rPh sb="226" eb="228">
      <t>シュクハク</t>
    </rPh>
    <rPh sb="228" eb="230">
      <t>シセツ</t>
    </rPh>
    <rPh sb="233" eb="236">
      <t>ダイキボ</t>
    </rPh>
    <rPh sb="236" eb="238">
      <t>シセツ</t>
    </rPh>
    <rPh sb="239" eb="240">
      <t>オオ</t>
    </rPh>
    <rPh sb="244" eb="246">
      <t>シセツ</t>
    </rPh>
    <rPh sb="246" eb="248">
      <t>カイゾウ</t>
    </rPh>
    <rPh sb="248" eb="250">
      <t>フタン</t>
    </rPh>
    <rPh sb="253" eb="254">
      <t>オオ</t>
    </rPh>
    <rPh sb="258" eb="261">
      <t>スイセンカ</t>
    </rPh>
    <rPh sb="261" eb="262">
      <t>リツ</t>
    </rPh>
    <rPh sb="263" eb="264">
      <t>ノ</t>
    </rPh>
    <rPh sb="265" eb="266">
      <t>ナヤ</t>
    </rPh>
    <rPh sb="267" eb="269">
      <t>ケイコウ</t>
    </rPh>
    <rPh sb="279" eb="281">
      <t>シュクハク</t>
    </rPh>
    <rPh sb="281" eb="283">
      <t>シセツ</t>
    </rPh>
    <rPh sb="283" eb="284">
      <t>トウ</t>
    </rPh>
    <rPh sb="286" eb="287">
      <t>ケン</t>
    </rPh>
    <rPh sb="288" eb="290">
      <t>セツゾク</t>
    </rPh>
    <rPh sb="291" eb="294">
      <t>カクスウチ</t>
    </rPh>
    <rPh sb="295" eb="297">
      <t>イッキ</t>
    </rPh>
    <rPh sb="298" eb="300">
      <t>カイゼン</t>
    </rPh>
    <rPh sb="302" eb="304">
      <t>ヨウイン</t>
    </rPh>
    <rPh sb="305" eb="306">
      <t>モ</t>
    </rPh>
    <rPh sb="314" eb="315">
      <t>ホン</t>
    </rPh>
    <rPh sb="315" eb="317">
      <t>ショリ</t>
    </rPh>
    <rPh sb="317" eb="320">
      <t>クイキナイ</t>
    </rPh>
    <rPh sb="321" eb="323">
      <t>カンキョ</t>
    </rPh>
    <rPh sb="323" eb="325">
      <t>シセツ</t>
    </rPh>
    <rPh sb="326" eb="329">
      <t>ロウキュウカ</t>
    </rPh>
    <rPh sb="329" eb="331">
      <t>タイサク</t>
    </rPh>
    <rPh sb="335" eb="337">
      <t>フヨウ</t>
    </rPh>
    <rPh sb="338" eb="339">
      <t>カンガ</t>
    </rPh>
    <rPh sb="346" eb="349">
      <t>ショウライテキ</t>
    </rPh>
    <rPh sb="350" eb="352">
      <t>カイチク</t>
    </rPh>
    <rPh sb="353" eb="355">
      <t>コウシン</t>
    </rPh>
    <rPh sb="355" eb="357">
      <t>ヒヨウ</t>
    </rPh>
    <rPh sb="358" eb="360">
      <t>ハッセイ</t>
    </rPh>
    <rPh sb="361" eb="363">
      <t>ヨソク</t>
    </rPh>
    <rPh sb="374" eb="376">
      <t>シュウニュウ</t>
    </rPh>
    <rPh sb="376" eb="377">
      <t>ゾウ</t>
    </rPh>
    <rPh sb="380" eb="381">
      <t>サラ</t>
    </rPh>
    <rPh sb="383" eb="385">
      <t>セツゾク</t>
    </rPh>
    <rPh sb="386" eb="389">
      <t>スイセンカ</t>
    </rPh>
    <rPh sb="391" eb="393">
      <t>スイシン</t>
    </rPh>
    <rPh sb="394" eb="395">
      <t>ハカ</t>
    </rPh>
    <rPh sb="397" eb="400">
      <t>ジギョウショ</t>
    </rPh>
    <rPh sb="402" eb="404">
      <t>ケイハツ</t>
    </rPh>
    <rPh sb="404" eb="406">
      <t>カツドウ</t>
    </rPh>
    <rPh sb="406" eb="407">
      <t>ナラ</t>
    </rPh>
    <rPh sb="409" eb="412">
      <t>ゲスイドウ</t>
    </rPh>
    <rPh sb="412" eb="414">
      <t>ジギョウ</t>
    </rPh>
    <rPh sb="415" eb="417">
      <t>ジョウキョウ</t>
    </rPh>
    <rPh sb="421" eb="423">
      <t>ジュウミン</t>
    </rPh>
    <rPh sb="424" eb="427">
      <t>シヨウシャ</t>
    </rPh>
    <rPh sb="428" eb="430">
      <t>リカイ</t>
    </rPh>
    <rPh sb="437" eb="438">
      <t>ウエ</t>
    </rPh>
    <rPh sb="440" eb="443">
      <t>ゲスイドウ</t>
    </rPh>
    <rPh sb="443" eb="446">
      <t>シヨウリョウ</t>
    </rPh>
    <rPh sb="447" eb="449">
      <t>ミナオ</t>
    </rPh>
    <rPh sb="451" eb="453">
      <t>イジ</t>
    </rPh>
    <rPh sb="453" eb="455">
      <t>カンリ</t>
    </rPh>
    <rPh sb="456" eb="459">
      <t>コウリツカ</t>
    </rPh>
    <rPh sb="460" eb="461">
      <t>ハカ</t>
    </rPh>
    <rPh sb="462" eb="464">
      <t>ヒツヨウ</t>
    </rPh>
    <rPh sb="472" eb="474">
      <t>イジョウ</t>
    </rPh>
    <rPh sb="475" eb="477">
      <t>タイサク</t>
    </rPh>
    <rPh sb="478" eb="480">
      <t>ジッシ</t>
    </rPh>
    <rPh sb="485" eb="486">
      <t>ホン</t>
    </rPh>
    <rPh sb="486" eb="488">
      <t>ジギョウ</t>
    </rPh>
    <rPh sb="493" eb="495">
      <t>コウキョウ</t>
    </rPh>
    <rPh sb="495" eb="498">
      <t>ゲスイドウ</t>
    </rPh>
    <rPh sb="499" eb="500">
      <t>ア</t>
    </rPh>
    <rPh sb="503" eb="505">
      <t>ジュウミン</t>
    </rPh>
    <rPh sb="506" eb="508">
      <t>リカイ</t>
    </rPh>
    <rPh sb="509" eb="510">
      <t>エ</t>
    </rPh>
    <rPh sb="513" eb="515">
      <t>シュウニュウ</t>
    </rPh>
    <rPh sb="516" eb="517">
      <t>ハシラ</t>
    </rPh>
    <rPh sb="520" eb="523">
      <t>ゲスイドウ</t>
    </rPh>
    <rPh sb="523" eb="526">
      <t>シヨウリョウ</t>
    </rPh>
    <rPh sb="527" eb="529">
      <t>スイジュン</t>
    </rPh>
    <rPh sb="530" eb="533">
      <t>テキセイカ</t>
    </rPh>
    <rPh sb="534" eb="535">
      <t>ハカ</t>
    </rPh>
    <rPh sb="537" eb="540">
      <t>ゲスイドウ</t>
    </rPh>
    <rPh sb="545" eb="547">
      <t>テイキョ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F0A3-47EF-97F5-ABB6CA70B913}"/>
            </c:ext>
          </c:extLst>
        </c:ser>
        <c:dLbls>
          <c:showLegendKey val="0"/>
          <c:showVal val="0"/>
          <c:showCatName val="0"/>
          <c:showSerName val="0"/>
          <c:showPercent val="0"/>
          <c:showBubbleSize val="0"/>
        </c:dLbls>
        <c:gapWidth val="150"/>
        <c:axId val="502024616"/>
        <c:axId val="5020222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09</c:v>
                </c:pt>
                <c:pt idx="3">
                  <c:v>0.13</c:v>
                </c:pt>
                <c:pt idx="4">
                  <c:v>0.36</c:v>
                </c:pt>
              </c:numCache>
            </c:numRef>
          </c:val>
          <c:smooth val="0"/>
          <c:extLst xmlns:c16r2="http://schemas.microsoft.com/office/drawing/2015/06/chart">
            <c:ext xmlns:c16="http://schemas.microsoft.com/office/drawing/2014/chart" uri="{C3380CC4-5D6E-409C-BE32-E72D297353CC}">
              <c16:uniqueId val="{00000001-F0A3-47EF-97F5-ABB6CA70B913}"/>
            </c:ext>
          </c:extLst>
        </c:ser>
        <c:dLbls>
          <c:showLegendKey val="0"/>
          <c:showVal val="0"/>
          <c:showCatName val="0"/>
          <c:showSerName val="0"/>
          <c:showPercent val="0"/>
          <c:showBubbleSize val="0"/>
        </c:dLbls>
        <c:marker val="1"/>
        <c:smooth val="0"/>
        <c:axId val="502024616"/>
        <c:axId val="502022264"/>
      </c:lineChart>
      <c:dateAx>
        <c:axId val="502024616"/>
        <c:scaling>
          <c:orientation val="minMax"/>
        </c:scaling>
        <c:delete val="1"/>
        <c:axPos val="b"/>
        <c:numFmt formatCode="&quot;H&quot;yy" sourceLinked="1"/>
        <c:majorTickMark val="none"/>
        <c:minorTickMark val="none"/>
        <c:tickLblPos val="none"/>
        <c:crossAx val="502022264"/>
        <c:crosses val="autoZero"/>
        <c:auto val="1"/>
        <c:lblOffset val="100"/>
        <c:baseTimeUnit val="years"/>
      </c:dateAx>
      <c:valAx>
        <c:axId val="5020222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20246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7CC3-4785-927F-94E531BDEA86}"/>
            </c:ext>
          </c:extLst>
        </c:ser>
        <c:dLbls>
          <c:showLegendKey val="0"/>
          <c:showVal val="0"/>
          <c:showCatName val="0"/>
          <c:showSerName val="0"/>
          <c:showPercent val="0"/>
          <c:showBubbleSize val="0"/>
        </c:dLbls>
        <c:gapWidth val="150"/>
        <c:axId val="504829712"/>
        <c:axId val="504833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43.36</c:v>
                </c:pt>
                <c:pt idx="3">
                  <c:v>42.56</c:v>
                </c:pt>
                <c:pt idx="4">
                  <c:v>42.47</c:v>
                </c:pt>
              </c:numCache>
            </c:numRef>
          </c:val>
          <c:smooth val="0"/>
          <c:extLst xmlns:c16r2="http://schemas.microsoft.com/office/drawing/2015/06/chart">
            <c:ext xmlns:c16="http://schemas.microsoft.com/office/drawing/2014/chart" uri="{C3380CC4-5D6E-409C-BE32-E72D297353CC}">
              <c16:uniqueId val="{00000001-7CC3-4785-927F-94E531BDEA86}"/>
            </c:ext>
          </c:extLst>
        </c:ser>
        <c:dLbls>
          <c:showLegendKey val="0"/>
          <c:showVal val="0"/>
          <c:showCatName val="0"/>
          <c:showSerName val="0"/>
          <c:showPercent val="0"/>
          <c:showBubbleSize val="0"/>
        </c:dLbls>
        <c:marker val="1"/>
        <c:smooth val="0"/>
        <c:axId val="504829712"/>
        <c:axId val="504833632"/>
      </c:lineChart>
      <c:dateAx>
        <c:axId val="504829712"/>
        <c:scaling>
          <c:orientation val="minMax"/>
        </c:scaling>
        <c:delete val="1"/>
        <c:axPos val="b"/>
        <c:numFmt formatCode="&quot;H&quot;yy" sourceLinked="1"/>
        <c:majorTickMark val="none"/>
        <c:minorTickMark val="none"/>
        <c:tickLblPos val="none"/>
        <c:crossAx val="504833632"/>
        <c:crosses val="autoZero"/>
        <c:auto val="1"/>
        <c:lblOffset val="100"/>
        <c:baseTimeUnit val="years"/>
      </c:dateAx>
      <c:valAx>
        <c:axId val="5048336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48297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0</c:v>
                </c:pt>
                <c:pt idx="1">
                  <c:v>0</c:v>
                </c:pt>
                <c:pt idx="2">
                  <c:v>61.78</c:v>
                </c:pt>
                <c:pt idx="3">
                  <c:v>67.11</c:v>
                </c:pt>
                <c:pt idx="4">
                  <c:v>65.77</c:v>
                </c:pt>
              </c:numCache>
            </c:numRef>
          </c:val>
          <c:extLst xmlns:c16r2="http://schemas.microsoft.com/office/drawing/2015/06/chart">
            <c:ext xmlns:c16="http://schemas.microsoft.com/office/drawing/2014/chart" uri="{C3380CC4-5D6E-409C-BE32-E72D297353CC}">
              <c16:uniqueId val="{00000000-832D-42CB-9B9B-C4727CCD28E9}"/>
            </c:ext>
          </c:extLst>
        </c:ser>
        <c:dLbls>
          <c:showLegendKey val="0"/>
          <c:showVal val="0"/>
          <c:showCatName val="0"/>
          <c:showSerName val="0"/>
          <c:showPercent val="0"/>
          <c:showBubbleSize val="0"/>
        </c:dLbls>
        <c:gapWidth val="150"/>
        <c:axId val="504834416"/>
        <c:axId val="504835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83.06</c:v>
                </c:pt>
                <c:pt idx="3">
                  <c:v>83.32</c:v>
                </c:pt>
                <c:pt idx="4">
                  <c:v>83.75</c:v>
                </c:pt>
              </c:numCache>
            </c:numRef>
          </c:val>
          <c:smooth val="0"/>
          <c:extLst xmlns:c16r2="http://schemas.microsoft.com/office/drawing/2015/06/chart">
            <c:ext xmlns:c16="http://schemas.microsoft.com/office/drawing/2014/chart" uri="{C3380CC4-5D6E-409C-BE32-E72D297353CC}">
              <c16:uniqueId val="{00000001-832D-42CB-9B9B-C4727CCD28E9}"/>
            </c:ext>
          </c:extLst>
        </c:ser>
        <c:dLbls>
          <c:showLegendKey val="0"/>
          <c:showVal val="0"/>
          <c:showCatName val="0"/>
          <c:showSerName val="0"/>
          <c:showPercent val="0"/>
          <c:showBubbleSize val="0"/>
        </c:dLbls>
        <c:marker val="1"/>
        <c:smooth val="0"/>
        <c:axId val="504834416"/>
        <c:axId val="504835592"/>
      </c:lineChart>
      <c:dateAx>
        <c:axId val="504834416"/>
        <c:scaling>
          <c:orientation val="minMax"/>
        </c:scaling>
        <c:delete val="1"/>
        <c:axPos val="b"/>
        <c:numFmt formatCode="&quot;H&quot;yy" sourceLinked="1"/>
        <c:majorTickMark val="none"/>
        <c:minorTickMark val="none"/>
        <c:tickLblPos val="none"/>
        <c:crossAx val="504835592"/>
        <c:crosses val="autoZero"/>
        <c:auto val="1"/>
        <c:lblOffset val="100"/>
        <c:baseTimeUnit val="years"/>
      </c:dateAx>
      <c:valAx>
        <c:axId val="504835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4834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0</c:v>
                </c:pt>
                <c:pt idx="1">
                  <c:v>0</c:v>
                </c:pt>
                <c:pt idx="2">
                  <c:v>142.02000000000001</c:v>
                </c:pt>
                <c:pt idx="3">
                  <c:v>150.59</c:v>
                </c:pt>
                <c:pt idx="4">
                  <c:v>153.68</c:v>
                </c:pt>
              </c:numCache>
            </c:numRef>
          </c:val>
          <c:extLst xmlns:c16r2="http://schemas.microsoft.com/office/drawing/2015/06/chart">
            <c:ext xmlns:c16="http://schemas.microsoft.com/office/drawing/2014/chart" uri="{C3380CC4-5D6E-409C-BE32-E72D297353CC}">
              <c16:uniqueId val="{00000000-4043-44C4-9071-08FA84666B4B}"/>
            </c:ext>
          </c:extLst>
        </c:ser>
        <c:dLbls>
          <c:showLegendKey val="0"/>
          <c:showVal val="0"/>
          <c:showCatName val="0"/>
          <c:showSerName val="0"/>
          <c:showPercent val="0"/>
          <c:showBubbleSize val="0"/>
        </c:dLbls>
        <c:gapWidth val="150"/>
        <c:axId val="502025008"/>
        <c:axId val="502025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2.13</c:v>
                </c:pt>
                <c:pt idx="3">
                  <c:v>101.72</c:v>
                </c:pt>
                <c:pt idx="4">
                  <c:v>102.73</c:v>
                </c:pt>
              </c:numCache>
            </c:numRef>
          </c:val>
          <c:smooth val="0"/>
          <c:extLst xmlns:c16r2="http://schemas.microsoft.com/office/drawing/2015/06/chart">
            <c:ext xmlns:c16="http://schemas.microsoft.com/office/drawing/2014/chart" uri="{C3380CC4-5D6E-409C-BE32-E72D297353CC}">
              <c16:uniqueId val="{00000001-4043-44C4-9071-08FA84666B4B}"/>
            </c:ext>
          </c:extLst>
        </c:ser>
        <c:dLbls>
          <c:showLegendKey val="0"/>
          <c:showVal val="0"/>
          <c:showCatName val="0"/>
          <c:showSerName val="0"/>
          <c:showPercent val="0"/>
          <c:showBubbleSize val="0"/>
        </c:dLbls>
        <c:marker val="1"/>
        <c:smooth val="0"/>
        <c:axId val="502025008"/>
        <c:axId val="502025792"/>
      </c:lineChart>
      <c:dateAx>
        <c:axId val="502025008"/>
        <c:scaling>
          <c:orientation val="minMax"/>
        </c:scaling>
        <c:delete val="1"/>
        <c:axPos val="b"/>
        <c:numFmt formatCode="&quot;H&quot;yy" sourceLinked="1"/>
        <c:majorTickMark val="none"/>
        <c:minorTickMark val="none"/>
        <c:tickLblPos val="none"/>
        <c:crossAx val="502025792"/>
        <c:crosses val="autoZero"/>
        <c:auto val="1"/>
        <c:lblOffset val="100"/>
        <c:baseTimeUnit val="years"/>
      </c:dateAx>
      <c:valAx>
        <c:axId val="5020257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20250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0</c:v>
                </c:pt>
                <c:pt idx="1">
                  <c:v>0</c:v>
                </c:pt>
                <c:pt idx="2">
                  <c:v>2.6</c:v>
                </c:pt>
                <c:pt idx="3">
                  <c:v>5.2</c:v>
                </c:pt>
                <c:pt idx="4">
                  <c:v>7.79</c:v>
                </c:pt>
              </c:numCache>
            </c:numRef>
          </c:val>
          <c:extLst xmlns:c16r2="http://schemas.microsoft.com/office/drawing/2015/06/chart">
            <c:ext xmlns:c16="http://schemas.microsoft.com/office/drawing/2014/chart" uri="{C3380CC4-5D6E-409C-BE32-E72D297353CC}">
              <c16:uniqueId val="{00000000-EF49-4D71-B711-9071196683B2}"/>
            </c:ext>
          </c:extLst>
        </c:ser>
        <c:dLbls>
          <c:showLegendKey val="0"/>
          <c:showVal val="0"/>
          <c:showCatName val="0"/>
          <c:showSerName val="0"/>
          <c:showPercent val="0"/>
          <c:showBubbleSize val="0"/>
        </c:dLbls>
        <c:gapWidth val="150"/>
        <c:axId val="502027360"/>
        <c:axId val="502027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23.93</c:v>
                </c:pt>
                <c:pt idx="3">
                  <c:v>24.68</c:v>
                </c:pt>
                <c:pt idx="4">
                  <c:v>24.68</c:v>
                </c:pt>
              </c:numCache>
            </c:numRef>
          </c:val>
          <c:smooth val="0"/>
          <c:extLst xmlns:c16r2="http://schemas.microsoft.com/office/drawing/2015/06/chart">
            <c:ext xmlns:c16="http://schemas.microsoft.com/office/drawing/2014/chart" uri="{C3380CC4-5D6E-409C-BE32-E72D297353CC}">
              <c16:uniqueId val="{00000001-EF49-4D71-B711-9071196683B2}"/>
            </c:ext>
          </c:extLst>
        </c:ser>
        <c:dLbls>
          <c:showLegendKey val="0"/>
          <c:showVal val="0"/>
          <c:showCatName val="0"/>
          <c:showSerName val="0"/>
          <c:showPercent val="0"/>
          <c:showBubbleSize val="0"/>
        </c:dLbls>
        <c:marker val="1"/>
        <c:smooth val="0"/>
        <c:axId val="502027360"/>
        <c:axId val="502027752"/>
      </c:lineChart>
      <c:dateAx>
        <c:axId val="502027360"/>
        <c:scaling>
          <c:orientation val="minMax"/>
        </c:scaling>
        <c:delete val="1"/>
        <c:axPos val="b"/>
        <c:numFmt formatCode="&quot;H&quot;yy" sourceLinked="1"/>
        <c:majorTickMark val="none"/>
        <c:minorTickMark val="none"/>
        <c:tickLblPos val="none"/>
        <c:crossAx val="502027752"/>
        <c:crosses val="autoZero"/>
        <c:auto val="1"/>
        <c:lblOffset val="100"/>
        <c:baseTimeUnit val="years"/>
      </c:dateAx>
      <c:valAx>
        <c:axId val="5020277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2027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49BE-4F95-86B5-8AD3ECB8E40A}"/>
            </c:ext>
          </c:extLst>
        </c:ser>
        <c:dLbls>
          <c:showLegendKey val="0"/>
          <c:showVal val="0"/>
          <c:showCatName val="0"/>
          <c:showSerName val="0"/>
          <c:showPercent val="0"/>
          <c:showBubbleSize val="0"/>
        </c:dLbls>
        <c:gapWidth val="150"/>
        <c:axId val="502028536"/>
        <c:axId val="5020289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formatCode="#,##0.00;&quot;△&quot;#,##0.00">
                  <c:v>0</c:v>
                </c:pt>
                <c:pt idx="3">
                  <c:v>0.01</c:v>
                </c:pt>
                <c:pt idx="4">
                  <c:v>8.6199999999999992</c:v>
                </c:pt>
              </c:numCache>
            </c:numRef>
          </c:val>
          <c:smooth val="0"/>
          <c:extLst xmlns:c16r2="http://schemas.microsoft.com/office/drawing/2015/06/chart">
            <c:ext xmlns:c16="http://schemas.microsoft.com/office/drawing/2014/chart" uri="{C3380CC4-5D6E-409C-BE32-E72D297353CC}">
              <c16:uniqueId val="{00000001-49BE-4F95-86B5-8AD3ECB8E40A}"/>
            </c:ext>
          </c:extLst>
        </c:ser>
        <c:dLbls>
          <c:showLegendKey val="0"/>
          <c:showVal val="0"/>
          <c:showCatName val="0"/>
          <c:showSerName val="0"/>
          <c:showPercent val="0"/>
          <c:showBubbleSize val="0"/>
        </c:dLbls>
        <c:marker val="1"/>
        <c:smooth val="0"/>
        <c:axId val="502028536"/>
        <c:axId val="502028928"/>
      </c:lineChart>
      <c:dateAx>
        <c:axId val="502028536"/>
        <c:scaling>
          <c:orientation val="minMax"/>
        </c:scaling>
        <c:delete val="1"/>
        <c:axPos val="b"/>
        <c:numFmt formatCode="&quot;H&quot;yy" sourceLinked="1"/>
        <c:majorTickMark val="none"/>
        <c:minorTickMark val="none"/>
        <c:tickLblPos val="none"/>
        <c:crossAx val="502028928"/>
        <c:crosses val="autoZero"/>
        <c:auto val="1"/>
        <c:lblOffset val="100"/>
        <c:baseTimeUnit val="years"/>
      </c:dateAx>
      <c:valAx>
        <c:axId val="5020289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20285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7463-4F2B-8DB7-29C074A23B8A}"/>
            </c:ext>
          </c:extLst>
        </c:ser>
        <c:dLbls>
          <c:showLegendKey val="0"/>
          <c:showVal val="0"/>
          <c:showCatName val="0"/>
          <c:showSerName val="0"/>
          <c:showPercent val="0"/>
          <c:showBubbleSize val="0"/>
        </c:dLbls>
        <c:gapWidth val="150"/>
        <c:axId val="498127088"/>
        <c:axId val="4001832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109.51</c:v>
                </c:pt>
                <c:pt idx="3">
                  <c:v>112.88</c:v>
                </c:pt>
                <c:pt idx="4">
                  <c:v>94.97</c:v>
                </c:pt>
              </c:numCache>
            </c:numRef>
          </c:val>
          <c:smooth val="0"/>
          <c:extLst xmlns:c16r2="http://schemas.microsoft.com/office/drawing/2015/06/chart">
            <c:ext xmlns:c16="http://schemas.microsoft.com/office/drawing/2014/chart" uri="{C3380CC4-5D6E-409C-BE32-E72D297353CC}">
              <c16:uniqueId val="{00000001-7463-4F2B-8DB7-29C074A23B8A}"/>
            </c:ext>
          </c:extLst>
        </c:ser>
        <c:dLbls>
          <c:showLegendKey val="0"/>
          <c:showVal val="0"/>
          <c:showCatName val="0"/>
          <c:showSerName val="0"/>
          <c:showPercent val="0"/>
          <c:showBubbleSize val="0"/>
        </c:dLbls>
        <c:marker val="1"/>
        <c:smooth val="0"/>
        <c:axId val="498127088"/>
        <c:axId val="400183264"/>
      </c:lineChart>
      <c:dateAx>
        <c:axId val="498127088"/>
        <c:scaling>
          <c:orientation val="minMax"/>
        </c:scaling>
        <c:delete val="1"/>
        <c:axPos val="b"/>
        <c:numFmt formatCode="&quot;H&quot;yy" sourceLinked="1"/>
        <c:majorTickMark val="none"/>
        <c:minorTickMark val="none"/>
        <c:tickLblPos val="none"/>
        <c:crossAx val="400183264"/>
        <c:crosses val="autoZero"/>
        <c:auto val="1"/>
        <c:lblOffset val="100"/>
        <c:baseTimeUnit val="years"/>
      </c:dateAx>
      <c:valAx>
        <c:axId val="4001832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81270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2392-448F-986D-AD56B60F2CED}"/>
            </c:ext>
          </c:extLst>
        </c:ser>
        <c:dLbls>
          <c:showLegendKey val="0"/>
          <c:showVal val="0"/>
          <c:showCatName val="0"/>
          <c:showSerName val="0"/>
          <c:showPercent val="0"/>
          <c:showBubbleSize val="0"/>
        </c:dLbls>
        <c:gapWidth val="150"/>
        <c:axId val="504834808"/>
        <c:axId val="504831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47.44</c:v>
                </c:pt>
                <c:pt idx="3">
                  <c:v>49.18</c:v>
                </c:pt>
                <c:pt idx="4">
                  <c:v>47.72</c:v>
                </c:pt>
              </c:numCache>
            </c:numRef>
          </c:val>
          <c:smooth val="0"/>
          <c:extLst xmlns:c16r2="http://schemas.microsoft.com/office/drawing/2015/06/chart">
            <c:ext xmlns:c16="http://schemas.microsoft.com/office/drawing/2014/chart" uri="{C3380CC4-5D6E-409C-BE32-E72D297353CC}">
              <c16:uniqueId val="{00000001-2392-448F-986D-AD56B60F2CED}"/>
            </c:ext>
          </c:extLst>
        </c:ser>
        <c:dLbls>
          <c:showLegendKey val="0"/>
          <c:showVal val="0"/>
          <c:showCatName val="0"/>
          <c:showSerName val="0"/>
          <c:showPercent val="0"/>
          <c:showBubbleSize val="0"/>
        </c:dLbls>
        <c:marker val="1"/>
        <c:smooth val="0"/>
        <c:axId val="504834808"/>
        <c:axId val="504831280"/>
      </c:lineChart>
      <c:dateAx>
        <c:axId val="504834808"/>
        <c:scaling>
          <c:orientation val="minMax"/>
        </c:scaling>
        <c:delete val="1"/>
        <c:axPos val="b"/>
        <c:numFmt formatCode="&quot;H&quot;yy" sourceLinked="1"/>
        <c:majorTickMark val="none"/>
        <c:minorTickMark val="none"/>
        <c:tickLblPos val="none"/>
        <c:crossAx val="504831280"/>
        <c:crosses val="autoZero"/>
        <c:auto val="1"/>
        <c:lblOffset val="100"/>
        <c:baseTimeUnit val="years"/>
      </c:dateAx>
      <c:valAx>
        <c:axId val="5048312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4834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0</c:v>
                </c:pt>
                <c:pt idx="1">
                  <c:v>0</c:v>
                </c:pt>
                <c:pt idx="2">
                  <c:v>1617.05</c:v>
                </c:pt>
                <c:pt idx="3">
                  <c:v>1186.46</c:v>
                </c:pt>
                <c:pt idx="4">
                  <c:v>707.85</c:v>
                </c:pt>
              </c:numCache>
            </c:numRef>
          </c:val>
          <c:extLst xmlns:c16r2="http://schemas.microsoft.com/office/drawing/2015/06/chart">
            <c:ext xmlns:c16="http://schemas.microsoft.com/office/drawing/2014/chart" uri="{C3380CC4-5D6E-409C-BE32-E72D297353CC}">
              <c16:uniqueId val="{00000000-91B5-479C-912B-2155D1831790}"/>
            </c:ext>
          </c:extLst>
        </c:ser>
        <c:dLbls>
          <c:showLegendKey val="0"/>
          <c:showVal val="0"/>
          <c:showCatName val="0"/>
          <c:showSerName val="0"/>
          <c:showPercent val="0"/>
          <c:showBubbleSize val="0"/>
        </c:dLbls>
        <c:gapWidth val="150"/>
        <c:axId val="504826576"/>
        <c:axId val="5048234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1243.71</c:v>
                </c:pt>
                <c:pt idx="3">
                  <c:v>1194.1500000000001</c:v>
                </c:pt>
                <c:pt idx="4">
                  <c:v>1206.79</c:v>
                </c:pt>
              </c:numCache>
            </c:numRef>
          </c:val>
          <c:smooth val="0"/>
          <c:extLst xmlns:c16r2="http://schemas.microsoft.com/office/drawing/2015/06/chart">
            <c:ext xmlns:c16="http://schemas.microsoft.com/office/drawing/2014/chart" uri="{C3380CC4-5D6E-409C-BE32-E72D297353CC}">
              <c16:uniqueId val="{00000001-91B5-479C-912B-2155D1831790}"/>
            </c:ext>
          </c:extLst>
        </c:ser>
        <c:dLbls>
          <c:showLegendKey val="0"/>
          <c:showVal val="0"/>
          <c:showCatName val="0"/>
          <c:showSerName val="0"/>
          <c:showPercent val="0"/>
          <c:showBubbleSize val="0"/>
        </c:dLbls>
        <c:marker val="1"/>
        <c:smooth val="0"/>
        <c:axId val="504826576"/>
        <c:axId val="504823440"/>
      </c:lineChart>
      <c:dateAx>
        <c:axId val="504826576"/>
        <c:scaling>
          <c:orientation val="minMax"/>
        </c:scaling>
        <c:delete val="1"/>
        <c:axPos val="b"/>
        <c:numFmt formatCode="&quot;H&quot;yy" sourceLinked="1"/>
        <c:majorTickMark val="none"/>
        <c:minorTickMark val="none"/>
        <c:tickLblPos val="none"/>
        <c:crossAx val="504823440"/>
        <c:crosses val="autoZero"/>
        <c:auto val="1"/>
        <c:lblOffset val="100"/>
        <c:baseTimeUnit val="years"/>
      </c:dateAx>
      <c:valAx>
        <c:axId val="5048234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4826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0</c:v>
                </c:pt>
                <c:pt idx="1">
                  <c:v>0</c:v>
                </c:pt>
                <c:pt idx="2">
                  <c:v>94.75</c:v>
                </c:pt>
                <c:pt idx="3">
                  <c:v>125.6</c:v>
                </c:pt>
                <c:pt idx="4">
                  <c:v>197.82</c:v>
                </c:pt>
              </c:numCache>
            </c:numRef>
          </c:val>
          <c:extLst xmlns:c16r2="http://schemas.microsoft.com/office/drawing/2015/06/chart">
            <c:ext xmlns:c16="http://schemas.microsoft.com/office/drawing/2014/chart" uri="{C3380CC4-5D6E-409C-BE32-E72D297353CC}">
              <c16:uniqueId val="{00000000-4C20-4377-9C6E-6D98D5F3AAB3}"/>
            </c:ext>
          </c:extLst>
        </c:ser>
        <c:dLbls>
          <c:showLegendKey val="0"/>
          <c:showVal val="0"/>
          <c:showCatName val="0"/>
          <c:showSerName val="0"/>
          <c:showPercent val="0"/>
          <c:showBubbleSize val="0"/>
        </c:dLbls>
        <c:gapWidth val="150"/>
        <c:axId val="504826968"/>
        <c:axId val="5048289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74.3</c:v>
                </c:pt>
                <c:pt idx="3">
                  <c:v>72.260000000000005</c:v>
                </c:pt>
                <c:pt idx="4">
                  <c:v>71.84</c:v>
                </c:pt>
              </c:numCache>
            </c:numRef>
          </c:val>
          <c:smooth val="0"/>
          <c:extLst xmlns:c16r2="http://schemas.microsoft.com/office/drawing/2015/06/chart">
            <c:ext xmlns:c16="http://schemas.microsoft.com/office/drawing/2014/chart" uri="{C3380CC4-5D6E-409C-BE32-E72D297353CC}">
              <c16:uniqueId val="{00000001-4C20-4377-9C6E-6D98D5F3AAB3}"/>
            </c:ext>
          </c:extLst>
        </c:ser>
        <c:dLbls>
          <c:showLegendKey val="0"/>
          <c:showVal val="0"/>
          <c:showCatName val="0"/>
          <c:showSerName val="0"/>
          <c:showPercent val="0"/>
          <c:showBubbleSize val="0"/>
        </c:dLbls>
        <c:marker val="1"/>
        <c:smooth val="0"/>
        <c:axId val="504826968"/>
        <c:axId val="504828928"/>
      </c:lineChart>
      <c:dateAx>
        <c:axId val="504826968"/>
        <c:scaling>
          <c:orientation val="minMax"/>
        </c:scaling>
        <c:delete val="1"/>
        <c:axPos val="b"/>
        <c:numFmt formatCode="&quot;H&quot;yy" sourceLinked="1"/>
        <c:majorTickMark val="none"/>
        <c:minorTickMark val="none"/>
        <c:tickLblPos val="none"/>
        <c:crossAx val="504828928"/>
        <c:crosses val="autoZero"/>
        <c:auto val="1"/>
        <c:lblOffset val="100"/>
        <c:baseTimeUnit val="years"/>
      </c:dateAx>
      <c:valAx>
        <c:axId val="5048289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4826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0</c:v>
                </c:pt>
                <c:pt idx="1">
                  <c:v>0</c:v>
                </c:pt>
                <c:pt idx="2">
                  <c:v>150.01</c:v>
                </c:pt>
                <c:pt idx="3">
                  <c:v>112.66</c:v>
                </c:pt>
                <c:pt idx="4">
                  <c:v>71.2</c:v>
                </c:pt>
              </c:numCache>
            </c:numRef>
          </c:val>
          <c:extLst xmlns:c16r2="http://schemas.microsoft.com/office/drawing/2015/06/chart">
            <c:ext xmlns:c16="http://schemas.microsoft.com/office/drawing/2014/chart" uri="{C3380CC4-5D6E-409C-BE32-E72D297353CC}">
              <c16:uniqueId val="{00000000-CA33-4887-BFCD-95969E4856DA}"/>
            </c:ext>
          </c:extLst>
        </c:ser>
        <c:dLbls>
          <c:showLegendKey val="0"/>
          <c:showVal val="0"/>
          <c:showCatName val="0"/>
          <c:showSerName val="0"/>
          <c:showPercent val="0"/>
          <c:showBubbleSize val="0"/>
        </c:dLbls>
        <c:gapWidth val="150"/>
        <c:axId val="504830888"/>
        <c:axId val="50482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221.81</c:v>
                </c:pt>
                <c:pt idx="3">
                  <c:v>230.02</c:v>
                </c:pt>
                <c:pt idx="4">
                  <c:v>228.47</c:v>
                </c:pt>
              </c:numCache>
            </c:numRef>
          </c:val>
          <c:smooth val="0"/>
          <c:extLst xmlns:c16r2="http://schemas.microsoft.com/office/drawing/2015/06/chart">
            <c:ext xmlns:c16="http://schemas.microsoft.com/office/drawing/2014/chart" uri="{C3380CC4-5D6E-409C-BE32-E72D297353CC}">
              <c16:uniqueId val="{00000001-CA33-4887-BFCD-95969E4856DA}"/>
            </c:ext>
          </c:extLst>
        </c:ser>
        <c:dLbls>
          <c:showLegendKey val="0"/>
          <c:showVal val="0"/>
          <c:showCatName val="0"/>
          <c:showSerName val="0"/>
          <c:showPercent val="0"/>
          <c:showBubbleSize val="0"/>
        </c:dLbls>
        <c:marker val="1"/>
        <c:smooth val="0"/>
        <c:axId val="504830888"/>
        <c:axId val="504828144"/>
      </c:lineChart>
      <c:dateAx>
        <c:axId val="504830888"/>
        <c:scaling>
          <c:orientation val="minMax"/>
        </c:scaling>
        <c:delete val="1"/>
        <c:axPos val="b"/>
        <c:numFmt formatCode="&quot;H&quot;yy" sourceLinked="1"/>
        <c:majorTickMark val="none"/>
        <c:minorTickMark val="none"/>
        <c:tickLblPos val="none"/>
        <c:crossAx val="504828144"/>
        <c:crosses val="autoZero"/>
        <c:auto val="1"/>
        <c:lblOffset val="100"/>
        <c:baseTimeUnit val="years"/>
      </c:dateAx>
      <c:valAx>
        <c:axId val="5048281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48308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2.8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63】</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218.70】</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4.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8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18.5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1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3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2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湯河原町</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適用</v>
      </c>
      <c r="C8" s="49"/>
      <c r="D8" s="49"/>
      <c r="E8" s="49"/>
      <c r="F8" s="49"/>
      <c r="G8" s="49"/>
      <c r="H8" s="49"/>
      <c r="I8" s="49" t="str">
        <f>データ!J6</f>
        <v>下水道事業</v>
      </c>
      <c r="J8" s="49"/>
      <c r="K8" s="49"/>
      <c r="L8" s="49"/>
      <c r="M8" s="49"/>
      <c r="N8" s="49"/>
      <c r="O8" s="49"/>
      <c r="P8" s="49" t="str">
        <f>データ!K6</f>
        <v>特定環境保全公共下水道</v>
      </c>
      <c r="Q8" s="49"/>
      <c r="R8" s="49"/>
      <c r="S8" s="49"/>
      <c r="T8" s="49"/>
      <c r="U8" s="49"/>
      <c r="V8" s="49"/>
      <c r="W8" s="49" t="str">
        <f>データ!L6</f>
        <v>D2</v>
      </c>
      <c r="X8" s="49"/>
      <c r="Y8" s="49"/>
      <c r="Z8" s="49"/>
      <c r="AA8" s="49"/>
      <c r="AB8" s="49"/>
      <c r="AC8" s="49"/>
      <c r="AD8" s="50" t="str">
        <f>データ!$M$6</f>
        <v>自治体職員</v>
      </c>
      <c r="AE8" s="50"/>
      <c r="AF8" s="50"/>
      <c r="AG8" s="50"/>
      <c r="AH8" s="50"/>
      <c r="AI8" s="50"/>
      <c r="AJ8" s="50"/>
      <c r="AK8" s="3"/>
      <c r="AL8" s="51">
        <f>データ!S6</f>
        <v>24803</v>
      </c>
      <c r="AM8" s="51"/>
      <c r="AN8" s="51"/>
      <c r="AO8" s="51"/>
      <c r="AP8" s="51"/>
      <c r="AQ8" s="51"/>
      <c r="AR8" s="51"/>
      <c r="AS8" s="51"/>
      <c r="AT8" s="46">
        <f>データ!T6</f>
        <v>40.97</v>
      </c>
      <c r="AU8" s="46"/>
      <c r="AV8" s="46"/>
      <c r="AW8" s="46"/>
      <c r="AX8" s="46"/>
      <c r="AY8" s="46"/>
      <c r="AZ8" s="46"/>
      <c r="BA8" s="46"/>
      <c r="BB8" s="46">
        <f>データ!U6</f>
        <v>605.39</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f>データ!O6</f>
        <v>73.41</v>
      </c>
      <c r="J10" s="46"/>
      <c r="K10" s="46"/>
      <c r="L10" s="46"/>
      <c r="M10" s="46"/>
      <c r="N10" s="46"/>
      <c r="O10" s="46"/>
      <c r="P10" s="46">
        <f>データ!P6</f>
        <v>0.6</v>
      </c>
      <c r="Q10" s="46"/>
      <c r="R10" s="46"/>
      <c r="S10" s="46"/>
      <c r="T10" s="46"/>
      <c r="U10" s="46"/>
      <c r="V10" s="46"/>
      <c r="W10" s="46">
        <f>データ!Q6</f>
        <v>100</v>
      </c>
      <c r="X10" s="46"/>
      <c r="Y10" s="46"/>
      <c r="Z10" s="46"/>
      <c r="AA10" s="46"/>
      <c r="AB10" s="46"/>
      <c r="AC10" s="46"/>
      <c r="AD10" s="51">
        <f>データ!R6</f>
        <v>2794</v>
      </c>
      <c r="AE10" s="51"/>
      <c r="AF10" s="51"/>
      <c r="AG10" s="51"/>
      <c r="AH10" s="51"/>
      <c r="AI10" s="51"/>
      <c r="AJ10" s="51"/>
      <c r="AK10" s="2"/>
      <c r="AL10" s="51">
        <f>データ!V6</f>
        <v>149</v>
      </c>
      <c r="AM10" s="51"/>
      <c r="AN10" s="51"/>
      <c r="AO10" s="51"/>
      <c r="AP10" s="51"/>
      <c r="AQ10" s="51"/>
      <c r="AR10" s="51"/>
      <c r="AS10" s="51"/>
      <c r="AT10" s="46">
        <f>データ!W6</f>
        <v>0.15</v>
      </c>
      <c r="AU10" s="46"/>
      <c r="AV10" s="46"/>
      <c r="AW10" s="46"/>
      <c r="AX10" s="46"/>
      <c r="AY10" s="46"/>
      <c r="AZ10" s="46"/>
      <c r="BA10" s="46"/>
      <c r="BB10" s="46">
        <f>データ!X6</f>
        <v>993.33</v>
      </c>
      <c r="BC10" s="46"/>
      <c r="BD10" s="46"/>
      <c r="BE10" s="46"/>
      <c r="BF10" s="46"/>
      <c r="BG10" s="46"/>
      <c r="BH10" s="46"/>
      <c r="BI10" s="46"/>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7" t="s">
        <v>26</v>
      </c>
      <c r="BM14" s="58"/>
      <c r="BN14" s="58"/>
      <c r="BO14" s="58"/>
      <c r="BP14" s="58"/>
      <c r="BQ14" s="58"/>
      <c r="BR14" s="58"/>
      <c r="BS14" s="58"/>
      <c r="BT14" s="58"/>
      <c r="BU14" s="58"/>
      <c r="BV14" s="58"/>
      <c r="BW14" s="58"/>
      <c r="BX14" s="58"/>
      <c r="BY14" s="58"/>
      <c r="BZ14" s="59"/>
    </row>
    <row r="15" spans="1:78" ht="13.5" customHeight="1" x14ac:dyDescent="0.2">
      <c r="A15" s="2"/>
      <c r="B15" s="54"/>
      <c r="C15" s="55"/>
      <c r="D15" s="55"/>
      <c r="E15" s="55"/>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5"/>
      <c r="AW15" s="55"/>
      <c r="AX15" s="55"/>
      <c r="AY15" s="55"/>
      <c r="AZ15" s="55"/>
      <c r="BA15" s="55"/>
      <c r="BB15" s="55"/>
      <c r="BC15" s="55"/>
      <c r="BD15" s="55"/>
      <c r="BE15" s="55"/>
      <c r="BF15" s="55"/>
      <c r="BG15" s="55"/>
      <c r="BH15" s="55"/>
      <c r="BI15" s="55"/>
      <c r="BJ15" s="56"/>
      <c r="BK15" s="2"/>
      <c r="BL15" s="60"/>
      <c r="BM15" s="61"/>
      <c r="BN15" s="61"/>
      <c r="BO15" s="61"/>
      <c r="BP15" s="61"/>
      <c r="BQ15" s="61"/>
      <c r="BR15" s="61"/>
      <c r="BS15" s="61"/>
      <c r="BT15" s="61"/>
      <c r="BU15" s="61"/>
      <c r="BV15" s="61"/>
      <c r="BW15" s="61"/>
      <c r="BX15" s="61"/>
      <c r="BY15" s="61"/>
      <c r="BZ15" s="62"/>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5</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3</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54" t="s">
        <v>28</v>
      </c>
      <c r="C60" s="55"/>
      <c r="D60" s="55"/>
      <c r="E60" s="55"/>
      <c r="F60" s="55"/>
      <c r="G60" s="55"/>
      <c r="H60" s="55"/>
      <c r="I60" s="55"/>
      <c r="J60" s="55"/>
      <c r="K60" s="55"/>
      <c r="L60" s="55"/>
      <c r="M60" s="55"/>
      <c r="N60" s="55"/>
      <c r="O60" s="55"/>
      <c r="P60" s="55"/>
      <c r="Q60" s="55"/>
      <c r="R60" s="55"/>
      <c r="S60" s="55"/>
      <c r="T60" s="55"/>
      <c r="U60" s="55"/>
      <c r="V60" s="55"/>
      <c r="W60" s="55"/>
      <c r="X60" s="55"/>
      <c r="Y60" s="55"/>
      <c r="Z60" s="55"/>
      <c r="AA60" s="55"/>
      <c r="AB60" s="55"/>
      <c r="AC60" s="55"/>
      <c r="AD60" s="55"/>
      <c r="AE60" s="55"/>
      <c r="AF60" s="55"/>
      <c r="AG60" s="55"/>
      <c r="AH60" s="55"/>
      <c r="AI60" s="55"/>
      <c r="AJ60" s="55"/>
      <c r="AK60" s="55"/>
      <c r="AL60" s="55"/>
      <c r="AM60" s="55"/>
      <c r="AN60" s="55"/>
      <c r="AO60" s="55"/>
      <c r="AP60" s="55"/>
      <c r="AQ60" s="55"/>
      <c r="AR60" s="55"/>
      <c r="AS60" s="55"/>
      <c r="AT60" s="55"/>
      <c r="AU60" s="55"/>
      <c r="AV60" s="55"/>
      <c r="AW60" s="55"/>
      <c r="AX60" s="55"/>
      <c r="AY60" s="55"/>
      <c r="AZ60" s="55"/>
      <c r="BA60" s="55"/>
      <c r="BB60" s="55"/>
      <c r="BC60" s="55"/>
      <c r="BD60" s="55"/>
      <c r="BE60" s="55"/>
      <c r="BF60" s="55"/>
      <c r="BG60" s="55"/>
      <c r="BH60" s="55"/>
      <c r="BI60" s="55"/>
      <c r="BJ60" s="56"/>
      <c r="BK60" s="2"/>
      <c r="BL60" s="78"/>
      <c r="BM60" s="79"/>
      <c r="BN60" s="79"/>
      <c r="BO60" s="79"/>
      <c r="BP60" s="79"/>
      <c r="BQ60" s="79"/>
      <c r="BR60" s="79"/>
      <c r="BS60" s="79"/>
      <c r="BT60" s="79"/>
      <c r="BU60" s="79"/>
      <c r="BV60" s="79"/>
      <c r="BW60" s="79"/>
      <c r="BX60" s="79"/>
      <c r="BY60" s="79"/>
      <c r="BZ60" s="80"/>
    </row>
    <row r="61" spans="1:78" ht="13.5" customHeight="1" x14ac:dyDescent="0.2">
      <c r="A61" s="2"/>
      <c r="B61" s="54"/>
      <c r="C61" s="55"/>
      <c r="D61" s="55"/>
      <c r="E61" s="55"/>
      <c r="F61" s="55"/>
      <c r="G61" s="55"/>
      <c r="H61" s="55"/>
      <c r="I61" s="55"/>
      <c r="J61" s="55"/>
      <c r="K61" s="55"/>
      <c r="L61" s="55"/>
      <c r="M61" s="55"/>
      <c r="N61" s="55"/>
      <c r="O61" s="55"/>
      <c r="P61" s="55"/>
      <c r="Q61" s="55"/>
      <c r="R61" s="55"/>
      <c r="S61" s="55"/>
      <c r="T61" s="55"/>
      <c r="U61" s="55"/>
      <c r="V61" s="55"/>
      <c r="W61" s="55"/>
      <c r="X61" s="55"/>
      <c r="Y61" s="55"/>
      <c r="Z61" s="55"/>
      <c r="AA61" s="55"/>
      <c r="AB61" s="55"/>
      <c r="AC61" s="55"/>
      <c r="AD61" s="55"/>
      <c r="AE61" s="55"/>
      <c r="AF61" s="55"/>
      <c r="AG61" s="55"/>
      <c r="AH61" s="55"/>
      <c r="AI61" s="55"/>
      <c r="AJ61" s="55"/>
      <c r="AK61" s="55"/>
      <c r="AL61" s="55"/>
      <c r="AM61" s="55"/>
      <c r="AN61" s="55"/>
      <c r="AO61" s="55"/>
      <c r="AP61" s="55"/>
      <c r="AQ61" s="55"/>
      <c r="AR61" s="55"/>
      <c r="AS61" s="55"/>
      <c r="AT61" s="55"/>
      <c r="AU61" s="55"/>
      <c r="AV61" s="55"/>
      <c r="AW61" s="55"/>
      <c r="AX61" s="55"/>
      <c r="AY61" s="55"/>
      <c r="AZ61" s="55"/>
      <c r="BA61" s="55"/>
      <c r="BB61" s="55"/>
      <c r="BC61" s="55"/>
      <c r="BD61" s="55"/>
      <c r="BE61" s="55"/>
      <c r="BF61" s="55"/>
      <c r="BG61" s="55"/>
      <c r="BH61" s="55"/>
      <c r="BI61" s="55"/>
      <c r="BJ61" s="56"/>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4</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2.87】</v>
      </c>
      <c r="F85" s="26" t="str">
        <f>データ!AT6</f>
        <v>【76.63】</v>
      </c>
      <c r="G85" s="26" t="str">
        <f>データ!BE6</f>
        <v>【49.61】</v>
      </c>
      <c r="H85" s="26" t="str">
        <f>データ!BP6</f>
        <v>【1,218.70】</v>
      </c>
      <c r="I85" s="26" t="str">
        <f>データ!CA6</f>
        <v>【74.17】</v>
      </c>
      <c r="J85" s="26" t="str">
        <f>データ!CL6</f>
        <v>【218.56】</v>
      </c>
      <c r="K85" s="26" t="str">
        <f>データ!CW6</f>
        <v>【42.86】</v>
      </c>
      <c r="L85" s="26" t="str">
        <f>データ!DH6</f>
        <v>【84.20】</v>
      </c>
      <c r="M85" s="26" t="str">
        <f>データ!DS6</f>
        <v>【25.37】</v>
      </c>
      <c r="N85" s="26" t="str">
        <f>データ!ED6</f>
        <v>【6.20】</v>
      </c>
      <c r="O85" s="26" t="str">
        <f>データ!EO6</f>
        <v>【0.28】</v>
      </c>
    </row>
  </sheetData>
  <sheetProtection algorithmName="SHA-512" hashValue="pcovAxSkdJg8SUy5fZJj6PdoHXeUQioRwfBb0DcvrfEKiHtg7bzGUlvu8dejeWlAGGrdFJi7ToR8Ap/YBbVAcw==" saltValue="kJer9+GRUE0Owo6JqQGB6A=="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1" t="s">
        <v>52</v>
      </c>
      <c r="I3" s="72"/>
      <c r="J3" s="72"/>
      <c r="K3" s="72"/>
      <c r="L3" s="72"/>
      <c r="M3" s="72"/>
      <c r="N3" s="72"/>
      <c r="O3" s="72"/>
      <c r="P3" s="72"/>
      <c r="Q3" s="72"/>
      <c r="R3" s="72"/>
      <c r="S3" s="72"/>
      <c r="T3" s="72"/>
      <c r="U3" s="72"/>
      <c r="V3" s="72"/>
      <c r="W3" s="72"/>
      <c r="X3" s="73"/>
      <c r="Y3" s="77" t="s">
        <v>53</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4</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8" x14ac:dyDescent="0.2">
      <c r="A4" s="28" t="s">
        <v>55</v>
      </c>
      <c r="B4" s="30"/>
      <c r="C4" s="30"/>
      <c r="D4" s="30"/>
      <c r="E4" s="30"/>
      <c r="F4" s="30"/>
      <c r="G4" s="30"/>
      <c r="H4" s="74"/>
      <c r="I4" s="75"/>
      <c r="J4" s="75"/>
      <c r="K4" s="75"/>
      <c r="L4" s="75"/>
      <c r="M4" s="75"/>
      <c r="N4" s="75"/>
      <c r="O4" s="75"/>
      <c r="P4" s="75"/>
      <c r="Q4" s="75"/>
      <c r="R4" s="75"/>
      <c r="S4" s="75"/>
      <c r="T4" s="75"/>
      <c r="U4" s="75"/>
      <c r="V4" s="75"/>
      <c r="W4" s="75"/>
      <c r="X4" s="76"/>
      <c r="Y4" s="70" t="s">
        <v>56</v>
      </c>
      <c r="Z4" s="70"/>
      <c r="AA4" s="70"/>
      <c r="AB4" s="70"/>
      <c r="AC4" s="70"/>
      <c r="AD4" s="70"/>
      <c r="AE4" s="70"/>
      <c r="AF4" s="70"/>
      <c r="AG4" s="70"/>
      <c r="AH4" s="70"/>
      <c r="AI4" s="70"/>
      <c r="AJ4" s="70" t="s">
        <v>57</v>
      </c>
      <c r="AK4" s="70"/>
      <c r="AL4" s="70"/>
      <c r="AM4" s="70"/>
      <c r="AN4" s="70"/>
      <c r="AO4" s="70"/>
      <c r="AP4" s="70"/>
      <c r="AQ4" s="70"/>
      <c r="AR4" s="70"/>
      <c r="AS4" s="70"/>
      <c r="AT4" s="70"/>
      <c r="AU4" s="70" t="s">
        <v>58</v>
      </c>
      <c r="AV4" s="70"/>
      <c r="AW4" s="70"/>
      <c r="AX4" s="70"/>
      <c r="AY4" s="70"/>
      <c r="AZ4" s="70"/>
      <c r="BA4" s="70"/>
      <c r="BB4" s="70"/>
      <c r="BC4" s="70"/>
      <c r="BD4" s="70"/>
      <c r="BE4" s="70"/>
      <c r="BF4" s="70" t="s">
        <v>59</v>
      </c>
      <c r="BG4" s="70"/>
      <c r="BH4" s="70"/>
      <c r="BI4" s="70"/>
      <c r="BJ4" s="70"/>
      <c r="BK4" s="70"/>
      <c r="BL4" s="70"/>
      <c r="BM4" s="70"/>
      <c r="BN4" s="70"/>
      <c r="BO4" s="70"/>
      <c r="BP4" s="70"/>
      <c r="BQ4" s="70" t="s">
        <v>60</v>
      </c>
      <c r="BR4" s="70"/>
      <c r="BS4" s="70"/>
      <c r="BT4" s="70"/>
      <c r="BU4" s="70"/>
      <c r="BV4" s="70"/>
      <c r="BW4" s="70"/>
      <c r="BX4" s="70"/>
      <c r="BY4" s="70"/>
      <c r="BZ4" s="70"/>
      <c r="CA4" s="70"/>
      <c r="CB4" s="70" t="s">
        <v>61</v>
      </c>
      <c r="CC4" s="70"/>
      <c r="CD4" s="70"/>
      <c r="CE4" s="70"/>
      <c r="CF4" s="70"/>
      <c r="CG4" s="70"/>
      <c r="CH4" s="70"/>
      <c r="CI4" s="70"/>
      <c r="CJ4" s="70"/>
      <c r="CK4" s="70"/>
      <c r="CL4" s="70"/>
      <c r="CM4" s="70" t="s">
        <v>62</v>
      </c>
      <c r="CN4" s="70"/>
      <c r="CO4" s="70"/>
      <c r="CP4" s="70"/>
      <c r="CQ4" s="70"/>
      <c r="CR4" s="70"/>
      <c r="CS4" s="70"/>
      <c r="CT4" s="70"/>
      <c r="CU4" s="70"/>
      <c r="CV4" s="70"/>
      <c r="CW4" s="70"/>
      <c r="CX4" s="70" t="s">
        <v>63</v>
      </c>
      <c r="CY4" s="70"/>
      <c r="CZ4" s="70"/>
      <c r="DA4" s="70"/>
      <c r="DB4" s="70"/>
      <c r="DC4" s="70"/>
      <c r="DD4" s="70"/>
      <c r="DE4" s="70"/>
      <c r="DF4" s="70"/>
      <c r="DG4" s="70"/>
      <c r="DH4" s="70"/>
      <c r="DI4" s="70" t="s">
        <v>64</v>
      </c>
      <c r="DJ4" s="70"/>
      <c r="DK4" s="70"/>
      <c r="DL4" s="70"/>
      <c r="DM4" s="70"/>
      <c r="DN4" s="70"/>
      <c r="DO4" s="70"/>
      <c r="DP4" s="70"/>
      <c r="DQ4" s="70"/>
      <c r="DR4" s="70"/>
      <c r="DS4" s="70"/>
      <c r="DT4" s="70" t="s">
        <v>65</v>
      </c>
      <c r="DU4" s="70"/>
      <c r="DV4" s="70"/>
      <c r="DW4" s="70"/>
      <c r="DX4" s="70"/>
      <c r="DY4" s="70"/>
      <c r="DZ4" s="70"/>
      <c r="EA4" s="70"/>
      <c r="EB4" s="70"/>
      <c r="EC4" s="70"/>
      <c r="ED4" s="70"/>
      <c r="EE4" s="70" t="s">
        <v>66</v>
      </c>
      <c r="EF4" s="70"/>
      <c r="EG4" s="70"/>
      <c r="EH4" s="70"/>
      <c r="EI4" s="70"/>
      <c r="EJ4" s="70"/>
      <c r="EK4" s="70"/>
      <c r="EL4" s="70"/>
      <c r="EM4" s="70"/>
      <c r="EN4" s="70"/>
      <c r="EO4" s="70"/>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3847</v>
      </c>
      <c r="D6" s="33">
        <f t="shared" si="3"/>
        <v>46</v>
      </c>
      <c r="E6" s="33">
        <f t="shared" si="3"/>
        <v>17</v>
      </c>
      <c r="F6" s="33">
        <f t="shared" si="3"/>
        <v>4</v>
      </c>
      <c r="G6" s="33">
        <f t="shared" si="3"/>
        <v>0</v>
      </c>
      <c r="H6" s="33" t="str">
        <f t="shared" si="3"/>
        <v>神奈川県　湯河原町</v>
      </c>
      <c r="I6" s="33" t="str">
        <f t="shared" si="3"/>
        <v>法適用</v>
      </c>
      <c r="J6" s="33" t="str">
        <f t="shared" si="3"/>
        <v>下水道事業</v>
      </c>
      <c r="K6" s="33" t="str">
        <f t="shared" si="3"/>
        <v>特定環境保全公共下水道</v>
      </c>
      <c r="L6" s="33" t="str">
        <f t="shared" si="3"/>
        <v>D2</v>
      </c>
      <c r="M6" s="33" t="str">
        <f t="shared" si="3"/>
        <v>自治体職員</v>
      </c>
      <c r="N6" s="34" t="str">
        <f t="shared" si="3"/>
        <v>-</v>
      </c>
      <c r="O6" s="34">
        <f t="shared" si="3"/>
        <v>73.41</v>
      </c>
      <c r="P6" s="34">
        <f t="shared" si="3"/>
        <v>0.6</v>
      </c>
      <c r="Q6" s="34">
        <f t="shared" si="3"/>
        <v>100</v>
      </c>
      <c r="R6" s="34">
        <f t="shared" si="3"/>
        <v>2794</v>
      </c>
      <c r="S6" s="34">
        <f t="shared" si="3"/>
        <v>24803</v>
      </c>
      <c r="T6" s="34">
        <f t="shared" si="3"/>
        <v>40.97</v>
      </c>
      <c r="U6" s="34">
        <f t="shared" si="3"/>
        <v>605.39</v>
      </c>
      <c r="V6" s="34">
        <f t="shared" si="3"/>
        <v>149</v>
      </c>
      <c r="W6" s="34">
        <f t="shared" si="3"/>
        <v>0.15</v>
      </c>
      <c r="X6" s="34">
        <f t="shared" si="3"/>
        <v>993.33</v>
      </c>
      <c r="Y6" s="35" t="str">
        <f>IF(Y7="",NA(),Y7)</f>
        <v>-</v>
      </c>
      <c r="Z6" s="35" t="str">
        <f t="shared" ref="Z6:AH6" si="4">IF(Z7="",NA(),Z7)</f>
        <v>-</v>
      </c>
      <c r="AA6" s="35">
        <f t="shared" si="4"/>
        <v>142.02000000000001</v>
      </c>
      <c r="AB6" s="35">
        <f t="shared" si="4"/>
        <v>150.59</v>
      </c>
      <c r="AC6" s="35">
        <f t="shared" si="4"/>
        <v>153.68</v>
      </c>
      <c r="AD6" s="35" t="str">
        <f t="shared" si="4"/>
        <v>-</v>
      </c>
      <c r="AE6" s="35" t="str">
        <f t="shared" si="4"/>
        <v>-</v>
      </c>
      <c r="AF6" s="35">
        <f t="shared" si="4"/>
        <v>102.13</v>
      </c>
      <c r="AG6" s="35">
        <f t="shared" si="4"/>
        <v>101.72</v>
      </c>
      <c r="AH6" s="35">
        <f t="shared" si="4"/>
        <v>102.73</v>
      </c>
      <c r="AI6" s="34" t="str">
        <f>IF(AI7="","",IF(AI7="-","【-】","【"&amp;SUBSTITUTE(TEXT(AI7,"#,##0.00"),"-","△")&amp;"】"))</f>
        <v>【102.87】</v>
      </c>
      <c r="AJ6" s="35" t="str">
        <f>IF(AJ7="",NA(),AJ7)</f>
        <v>-</v>
      </c>
      <c r="AK6" s="35" t="str">
        <f t="shared" ref="AK6:AS6" si="5">IF(AK7="",NA(),AK7)</f>
        <v>-</v>
      </c>
      <c r="AL6" s="34">
        <f t="shared" si="5"/>
        <v>0</v>
      </c>
      <c r="AM6" s="34">
        <f t="shared" si="5"/>
        <v>0</v>
      </c>
      <c r="AN6" s="34">
        <f t="shared" si="5"/>
        <v>0</v>
      </c>
      <c r="AO6" s="35" t="str">
        <f t="shared" si="5"/>
        <v>-</v>
      </c>
      <c r="AP6" s="35" t="str">
        <f t="shared" si="5"/>
        <v>-</v>
      </c>
      <c r="AQ6" s="35">
        <f t="shared" si="5"/>
        <v>109.51</v>
      </c>
      <c r="AR6" s="35">
        <f t="shared" si="5"/>
        <v>112.88</v>
      </c>
      <c r="AS6" s="35">
        <f t="shared" si="5"/>
        <v>94.97</v>
      </c>
      <c r="AT6" s="34" t="str">
        <f>IF(AT7="","",IF(AT7="-","【-】","【"&amp;SUBSTITUTE(TEXT(AT7,"#,##0.00"),"-","△")&amp;"】"))</f>
        <v>【76.63】</v>
      </c>
      <c r="AU6" s="35" t="str">
        <f>IF(AU7="",NA(),AU7)</f>
        <v>-</v>
      </c>
      <c r="AV6" s="35" t="str">
        <f t="shared" ref="AV6:BD6" si="6">IF(AV7="",NA(),AV7)</f>
        <v>-</v>
      </c>
      <c r="AW6" s="34">
        <f t="shared" si="6"/>
        <v>0</v>
      </c>
      <c r="AX6" s="34">
        <f t="shared" si="6"/>
        <v>0</v>
      </c>
      <c r="AY6" s="34">
        <f t="shared" si="6"/>
        <v>0</v>
      </c>
      <c r="AZ6" s="35" t="str">
        <f t="shared" si="6"/>
        <v>-</v>
      </c>
      <c r="BA6" s="35" t="str">
        <f t="shared" si="6"/>
        <v>-</v>
      </c>
      <c r="BB6" s="35">
        <f t="shared" si="6"/>
        <v>47.44</v>
      </c>
      <c r="BC6" s="35">
        <f t="shared" si="6"/>
        <v>49.18</v>
      </c>
      <c r="BD6" s="35">
        <f t="shared" si="6"/>
        <v>47.72</v>
      </c>
      <c r="BE6" s="34" t="str">
        <f>IF(BE7="","",IF(BE7="-","【-】","【"&amp;SUBSTITUTE(TEXT(BE7,"#,##0.00"),"-","△")&amp;"】"))</f>
        <v>【49.61】</v>
      </c>
      <c r="BF6" s="35" t="str">
        <f>IF(BF7="",NA(),BF7)</f>
        <v>-</v>
      </c>
      <c r="BG6" s="35" t="str">
        <f t="shared" ref="BG6:BO6" si="7">IF(BG7="",NA(),BG7)</f>
        <v>-</v>
      </c>
      <c r="BH6" s="35">
        <f t="shared" si="7"/>
        <v>1617.05</v>
      </c>
      <c r="BI6" s="35">
        <f t="shared" si="7"/>
        <v>1186.46</v>
      </c>
      <c r="BJ6" s="35">
        <f t="shared" si="7"/>
        <v>707.85</v>
      </c>
      <c r="BK6" s="35" t="str">
        <f t="shared" si="7"/>
        <v>-</v>
      </c>
      <c r="BL6" s="35" t="str">
        <f t="shared" si="7"/>
        <v>-</v>
      </c>
      <c r="BM6" s="35">
        <f t="shared" si="7"/>
        <v>1243.71</v>
      </c>
      <c r="BN6" s="35">
        <f t="shared" si="7"/>
        <v>1194.1500000000001</v>
      </c>
      <c r="BO6" s="35">
        <f t="shared" si="7"/>
        <v>1206.79</v>
      </c>
      <c r="BP6" s="34" t="str">
        <f>IF(BP7="","",IF(BP7="-","【-】","【"&amp;SUBSTITUTE(TEXT(BP7,"#,##0.00"),"-","△")&amp;"】"))</f>
        <v>【1,218.70】</v>
      </c>
      <c r="BQ6" s="35" t="str">
        <f>IF(BQ7="",NA(),BQ7)</f>
        <v>-</v>
      </c>
      <c r="BR6" s="35" t="str">
        <f t="shared" ref="BR6:BZ6" si="8">IF(BR7="",NA(),BR7)</f>
        <v>-</v>
      </c>
      <c r="BS6" s="35">
        <f t="shared" si="8"/>
        <v>94.75</v>
      </c>
      <c r="BT6" s="35">
        <f t="shared" si="8"/>
        <v>125.6</v>
      </c>
      <c r="BU6" s="35">
        <f t="shared" si="8"/>
        <v>197.82</v>
      </c>
      <c r="BV6" s="35" t="str">
        <f t="shared" si="8"/>
        <v>-</v>
      </c>
      <c r="BW6" s="35" t="str">
        <f t="shared" si="8"/>
        <v>-</v>
      </c>
      <c r="BX6" s="35">
        <f t="shared" si="8"/>
        <v>74.3</v>
      </c>
      <c r="BY6" s="35">
        <f t="shared" si="8"/>
        <v>72.260000000000005</v>
      </c>
      <c r="BZ6" s="35">
        <f t="shared" si="8"/>
        <v>71.84</v>
      </c>
      <c r="CA6" s="34" t="str">
        <f>IF(CA7="","",IF(CA7="-","【-】","【"&amp;SUBSTITUTE(TEXT(CA7,"#,##0.00"),"-","△")&amp;"】"))</f>
        <v>【74.17】</v>
      </c>
      <c r="CB6" s="35" t="str">
        <f>IF(CB7="",NA(),CB7)</f>
        <v>-</v>
      </c>
      <c r="CC6" s="35" t="str">
        <f t="shared" ref="CC6:CK6" si="9">IF(CC7="",NA(),CC7)</f>
        <v>-</v>
      </c>
      <c r="CD6" s="35">
        <f t="shared" si="9"/>
        <v>150.01</v>
      </c>
      <c r="CE6" s="35">
        <f t="shared" si="9"/>
        <v>112.66</v>
      </c>
      <c r="CF6" s="35">
        <f t="shared" si="9"/>
        <v>71.2</v>
      </c>
      <c r="CG6" s="35" t="str">
        <f t="shared" si="9"/>
        <v>-</v>
      </c>
      <c r="CH6" s="35" t="str">
        <f t="shared" si="9"/>
        <v>-</v>
      </c>
      <c r="CI6" s="35">
        <f t="shared" si="9"/>
        <v>221.81</v>
      </c>
      <c r="CJ6" s="35">
        <f t="shared" si="9"/>
        <v>230.02</v>
      </c>
      <c r="CK6" s="35">
        <f t="shared" si="9"/>
        <v>228.47</v>
      </c>
      <c r="CL6" s="34" t="str">
        <f>IF(CL7="","",IF(CL7="-","【-】","【"&amp;SUBSTITUTE(TEXT(CL7,"#,##0.00"),"-","△")&amp;"】"))</f>
        <v>【218.56】</v>
      </c>
      <c r="CM6" s="35" t="str">
        <f>IF(CM7="",NA(),CM7)</f>
        <v>-</v>
      </c>
      <c r="CN6" s="35" t="str">
        <f t="shared" ref="CN6:CV6" si="10">IF(CN7="",NA(),CN7)</f>
        <v>-</v>
      </c>
      <c r="CO6" s="35" t="str">
        <f t="shared" si="10"/>
        <v>-</v>
      </c>
      <c r="CP6" s="35" t="str">
        <f t="shared" si="10"/>
        <v>-</v>
      </c>
      <c r="CQ6" s="35" t="str">
        <f t="shared" si="10"/>
        <v>-</v>
      </c>
      <c r="CR6" s="35" t="str">
        <f t="shared" si="10"/>
        <v>-</v>
      </c>
      <c r="CS6" s="35" t="str">
        <f t="shared" si="10"/>
        <v>-</v>
      </c>
      <c r="CT6" s="35">
        <f t="shared" si="10"/>
        <v>43.36</v>
      </c>
      <c r="CU6" s="35">
        <f t="shared" si="10"/>
        <v>42.56</v>
      </c>
      <c r="CV6" s="35">
        <f t="shared" si="10"/>
        <v>42.47</v>
      </c>
      <c r="CW6" s="34" t="str">
        <f>IF(CW7="","",IF(CW7="-","【-】","【"&amp;SUBSTITUTE(TEXT(CW7,"#,##0.00"),"-","△")&amp;"】"))</f>
        <v>【42.86】</v>
      </c>
      <c r="CX6" s="35" t="str">
        <f>IF(CX7="",NA(),CX7)</f>
        <v>-</v>
      </c>
      <c r="CY6" s="35" t="str">
        <f t="shared" ref="CY6:DG6" si="11">IF(CY7="",NA(),CY7)</f>
        <v>-</v>
      </c>
      <c r="CZ6" s="35">
        <f t="shared" si="11"/>
        <v>61.78</v>
      </c>
      <c r="DA6" s="35">
        <f t="shared" si="11"/>
        <v>67.11</v>
      </c>
      <c r="DB6" s="35">
        <f t="shared" si="11"/>
        <v>65.77</v>
      </c>
      <c r="DC6" s="35" t="str">
        <f t="shared" si="11"/>
        <v>-</v>
      </c>
      <c r="DD6" s="35" t="str">
        <f t="shared" si="11"/>
        <v>-</v>
      </c>
      <c r="DE6" s="35">
        <f t="shared" si="11"/>
        <v>83.06</v>
      </c>
      <c r="DF6" s="35">
        <f t="shared" si="11"/>
        <v>83.32</v>
      </c>
      <c r="DG6" s="35">
        <f t="shared" si="11"/>
        <v>83.75</v>
      </c>
      <c r="DH6" s="34" t="str">
        <f>IF(DH7="","",IF(DH7="-","【-】","【"&amp;SUBSTITUTE(TEXT(DH7,"#,##0.00"),"-","△")&amp;"】"))</f>
        <v>【84.20】</v>
      </c>
      <c r="DI6" s="35" t="str">
        <f>IF(DI7="",NA(),DI7)</f>
        <v>-</v>
      </c>
      <c r="DJ6" s="35" t="str">
        <f t="shared" ref="DJ6:DR6" si="12">IF(DJ7="",NA(),DJ7)</f>
        <v>-</v>
      </c>
      <c r="DK6" s="35">
        <f t="shared" si="12"/>
        <v>2.6</v>
      </c>
      <c r="DL6" s="35">
        <f t="shared" si="12"/>
        <v>5.2</v>
      </c>
      <c r="DM6" s="35">
        <f t="shared" si="12"/>
        <v>7.79</v>
      </c>
      <c r="DN6" s="35" t="str">
        <f t="shared" si="12"/>
        <v>-</v>
      </c>
      <c r="DO6" s="35" t="str">
        <f t="shared" si="12"/>
        <v>-</v>
      </c>
      <c r="DP6" s="35">
        <f t="shared" si="12"/>
        <v>23.93</v>
      </c>
      <c r="DQ6" s="35">
        <f t="shared" si="12"/>
        <v>24.68</v>
      </c>
      <c r="DR6" s="35">
        <f t="shared" si="12"/>
        <v>24.68</v>
      </c>
      <c r="DS6" s="34" t="str">
        <f>IF(DS7="","",IF(DS7="-","【-】","【"&amp;SUBSTITUTE(TEXT(DS7,"#,##0.00"),"-","△")&amp;"】"))</f>
        <v>【25.37】</v>
      </c>
      <c r="DT6" s="35" t="str">
        <f>IF(DT7="",NA(),DT7)</f>
        <v>-</v>
      </c>
      <c r="DU6" s="35" t="str">
        <f t="shared" ref="DU6:EC6" si="13">IF(DU7="",NA(),DU7)</f>
        <v>-</v>
      </c>
      <c r="DV6" s="34">
        <f t="shared" si="13"/>
        <v>0</v>
      </c>
      <c r="DW6" s="34">
        <f t="shared" si="13"/>
        <v>0</v>
      </c>
      <c r="DX6" s="34">
        <f t="shared" si="13"/>
        <v>0</v>
      </c>
      <c r="DY6" s="35" t="str">
        <f t="shared" si="13"/>
        <v>-</v>
      </c>
      <c r="DZ6" s="35" t="str">
        <f t="shared" si="13"/>
        <v>-</v>
      </c>
      <c r="EA6" s="34">
        <f t="shared" si="13"/>
        <v>0</v>
      </c>
      <c r="EB6" s="35">
        <f t="shared" si="13"/>
        <v>0.01</v>
      </c>
      <c r="EC6" s="35">
        <f t="shared" si="13"/>
        <v>8.6199999999999992</v>
      </c>
      <c r="ED6" s="34" t="str">
        <f>IF(ED7="","",IF(ED7="-","【-】","【"&amp;SUBSTITUTE(TEXT(ED7,"#,##0.00"),"-","△")&amp;"】"))</f>
        <v>【6.20】</v>
      </c>
      <c r="EE6" s="35" t="str">
        <f>IF(EE7="",NA(),EE7)</f>
        <v>-</v>
      </c>
      <c r="EF6" s="35" t="str">
        <f t="shared" ref="EF6:EN6" si="14">IF(EF7="",NA(),EF7)</f>
        <v>-</v>
      </c>
      <c r="EG6" s="34">
        <f t="shared" si="14"/>
        <v>0</v>
      </c>
      <c r="EH6" s="34">
        <f t="shared" si="14"/>
        <v>0</v>
      </c>
      <c r="EI6" s="34">
        <f t="shared" si="14"/>
        <v>0</v>
      </c>
      <c r="EJ6" s="35" t="str">
        <f t="shared" si="14"/>
        <v>-</v>
      </c>
      <c r="EK6" s="35" t="str">
        <f t="shared" si="14"/>
        <v>-</v>
      </c>
      <c r="EL6" s="35">
        <f t="shared" si="14"/>
        <v>0.09</v>
      </c>
      <c r="EM6" s="35">
        <f t="shared" si="14"/>
        <v>0.13</v>
      </c>
      <c r="EN6" s="35">
        <f t="shared" si="14"/>
        <v>0.36</v>
      </c>
      <c r="EO6" s="34" t="str">
        <f>IF(EO7="","",IF(EO7="-","【-】","【"&amp;SUBSTITUTE(TEXT(EO7,"#,##0.00"),"-","△")&amp;"】"))</f>
        <v>【0.28】</v>
      </c>
    </row>
    <row r="7" spans="1:148" s="36" customFormat="1" x14ac:dyDescent="0.2">
      <c r="A7" s="28"/>
      <c r="B7" s="37">
        <v>2019</v>
      </c>
      <c r="C7" s="37">
        <v>143847</v>
      </c>
      <c r="D7" s="37">
        <v>46</v>
      </c>
      <c r="E7" s="37">
        <v>17</v>
      </c>
      <c r="F7" s="37">
        <v>4</v>
      </c>
      <c r="G7" s="37">
        <v>0</v>
      </c>
      <c r="H7" s="37" t="s">
        <v>96</v>
      </c>
      <c r="I7" s="37" t="s">
        <v>97</v>
      </c>
      <c r="J7" s="37" t="s">
        <v>98</v>
      </c>
      <c r="K7" s="37" t="s">
        <v>99</v>
      </c>
      <c r="L7" s="37" t="s">
        <v>100</v>
      </c>
      <c r="M7" s="37" t="s">
        <v>101</v>
      </c>
      <c r="N7" s="38" t="s">
        <v>102</v>
      </c>
      <c r="O7" s="38">
        <v>73.41</v>
      </c>
      <c r="P7" s="38">
        <v>0.6</v>
      </c>
      <c r="Q7" s="38">
        <v>100</v>
      </c>
      <c r="R7" s="38">
        <v>2794</v>
      </c>
      <c r="S7" s="38">
        <v>24803</v>
      </c>
      <c r="T7" s="38">
        <v>40.97</v>
      </c>
      <c r="U7" s="38">
        <v>605.39</v>
      </c>
      <c r="V7" s="38">
        <v>149</v>
      </c>
      <c r="W7" s="38">
        <v>0.15</v>
      </c>
      <c r="X7" s="38">
        <v>993.33</v>
      </c>
      <c r="Y7" s="38" t="s">
        <v>102</v>
      </c>
      <c r="Z7" s="38" t="s">
        <v>102</v>
      </c>
      <c r="AA7" s="38">
        <v>142.02000000000001</v>
      </c>
      <c r="AB7" s="38">
        <v>150.59</v>
      </c>
      <c r="AC7" s="38">
        <v>153.68</v>
      </c>
      <c r="AD7" s="38" t="s">
        <v>102</v>
      </c>
      <c r="AE7" s="38" t="s">
        <v>102</v>
      </c>
      <c r="AF7" s="38">
        <v>102.13</v>
      </c>
      <c r="AG7" s="38">
        <v>101.72</v>
      </c>
      <c r="AH7" s="38">
        <v>102.73</v>
      </c>
      <c r="AI7" s="38">
        <v>102.87</v>
      </c>
      <c r="AJ7" s="38" t="s">
        <v>102</v>
      </c>
      <c r="AK7" s="38" t="s">
        <v>102</v>
      </c>
      <c r="AL7" s="38">
        <v>0</v>
      </c>
      <c r="AM7" s="38">
        <v>0</v>
      </c>
      <c r="AN7" s="38">
        <v>0</v>
      </c>
      <c r="AO7" s="38" t="s">
        <v>102</v>
      </c>
      <c r="AP7" s="38" t="s">
        <v>102</v>
      </c>
      <c r="AQ7" s="38">
        <v>109.51</v>
      </c>
      <c r="AR7" s="38">
        <v>112.88</v>
      </c>
      <c r="AS7" s="38">
        <v>94.97</v>
      </c>
      <c r="AT7" s="38">
        <v>76.63</v>
      </c>
      <c r="AU7" s="38" t="s">
        <v>102</v>
      </c>
      <c r="AV7" s="38" t="s">
        <v>102</v>
      </c>
      <c r="AW7" s="38">
        <v>0</v>
      </c>
      <c r="AX7" s="38">
        <v>0</v>
      </c>
      <c r="AY7" s="38">
        <v>0</v>
      </c>
      <c r="AZ7" s="38" t="s">
        <v>102</v>
      </c>
      <c r="BA7" s="38" t="s">
        <v>102</v>
      </c>
      <c r="BB7" s="38">
        <v>47.44</v>
      </c>
      <c r="BC7" s="38">
        <v>49.18</v>
      </c>
      <c r="BD7" s="38">
        <v>47.72</v>
      </c>
      <c r="BE7" s="38">
        <v>49.61</v>
      </c>
      <c r="BF7" s="38" t="s">
        <v>102</v>
      </c>
      <c r="BG7" s="38" t="s">
        <v>102</v>
      </c>
      <c r="BH7" s="38">
        <v>1617.05</v>
      </c>
      <c r="BI7" s="38">
        <v>1186.46</v>
      </c>
      <c r="BJ7" s="38">
        <v>707.85</v>
      </c>
      <c r="BK7" s="38" t="s">
        <v>102</v>
      </c>
      <c r="BL7" s="38" t="s">
        <v>102</v>
      </c>
      <c r="BM7" s="38">
        <v>1243.71</v>
      </c>
      <c r="BN7" s="38">
        <v>1194.1500000000001</v>
      </c>
      <c r="BO7" s="38">
        <v>1206.79</v>
      </c>
      <c r="BP7" s="38">
        <v>1218.7</v>
      </c>
      <c r="BQ7" s="38" t="s">
        <v>102</v>
      </c>
      <c r="BR7" s="38" t="s">
        <v>102</v>
      </c>
      <c r="BS7" s="38">
        <v>94.75</v>
      </c>
      <c r="BT7" s="38">
        <v>125.6</v>
      </c>
      <c r="BU7" s="38">
        <v>197.82</v>
      </c>
      <c r="BV7" s="38" t="s">
        <v>102</v>
      </c>
      <c r="BW7" s="38" t="s">
        <v>102</v>
      </c>
      <c r="BX7" s="38">
        <v>74.3</v>
      </c>
      <c r="BY7" s="38">
        <v>72.260000000000005</v>
      </c>
      <c r="BZ7" s="38">
        <v>71.84</v>
      </c>
      <c r="CA7" s="38">
        <v>74.17</v>
      </c>
      <c r="CB7" s="38" t="s">
        <v>102</v>
      </c>
      <c r="CC7" s="38" t="s">
        <v>102</v>
      </c>
      <c r="CD7" s="38">
        <v>150.01</v>
      </c>
      <c r="CE7" s="38">
        <v>112.66</v>
      </c>
      <c r="CF7" s="38">
        <v>71.2</v>
      </c>
      <c r="CG7" s="38" t="s">
        <v>102</v>
      </c>
      <c r="CH7" s="38" t="s">
        <v>102</v>
      </c>
      <c r="CI7" s="38">
        <v>221.81</v>
      </c>
      <c r="CJ7" s="38">
        <v>230.02</v>
      </c>
      <c r="CK7" s="38">
        <v>228.47</v>
      </c>
      <c r="CL7" s="38">
        <v>218.56</v>
      </c>
      <c r="CM7" s="38" t="s">
        <v>102</v>
      </c>
      <c r="CN7" s="38" t="s">
        <v>102</v>
      </c>
      <c r="CO7" s="38" t="s">
        <v>102</v>
      </c>
      <c r="CP7" s="38" t="s">
        <v>102</v>
      </c>
      <c r="CQ7" s="38" t="s">
        <v>102</v>
      </c>
      <c r="CR7" s="38" t="s">
        <v>102</v>
      </c>
      <c r="CS7" s="38" t="s">
        <v>102</v>
      </c>
      <c r="CT7" s="38">
        <v>43.36</v>
      </c>
      <c r="CU7" s="38">
        <v>42.56</v>
      </c>
      <c r="CV7" s="38">
        <v>42.47</v>
      </c>
      <c r="CW7" s="38">
        <v>42.86</v>
      </c>
      <c r="CX7" s="38" t="s">
        <v>102</v>
      </c>
      <c r="CY7" s="38" t="s">
        <v>102</v>
      </c>
      <c r="CZ7" s="38">
        <v>61.78</v>
      </c>
      <c r="DA7" s="38">
        <v>67.11</v>
      </c>
      <c r="DB7" s="38">
        <v>65.77</v>
      </c>
      <c r="DC7" s="38" t="s">
        <v>102</v>
      </c>
      <c r="DD7" s="38" t="s">
        <v>102</v>
      </c>
      <c r="DE7" s="38">
        <v>83.06</v>
      </c>
      <c r="DF7" s="38">
        <v>83.32</v>
      </c>
      <c r="DG7" s="38">
        <v>83.75</v>
      </c>
      <c r="DH7" s="38">
        <v>84.2</v>
      </c>
      <c r="DI7" s="38" t="s">
        <v>102</v>
      </c>
      <c r="DJ7" s="38" t="s">
        <v>102</v>
      </c>
      <c r="DK7" s="38">
        <v>2.6</v>
      </c>
      <c r="DL7" s="38">
        <v>5.2</v>
      </c>
      <c r="DM7" s="38">
        <v>7.79</v>
      </c>
      <c r="DN7" s="38" t="s">
        <v>102</v>
      </c>
      <c r="DO7" s="38" t="s">
        <v>102</v>
      </c>
      <c r="DP7" s="38">
        <v>23.93</v>
      </c>
      <c r="DQ7" s="38">
        <v>24.68</v>
      </c>
      <c r="DR7" s="38">
        <v>24.68</v>
      </c>
      <c r="DS7" s="38">
        <v>25.37</v>
      </c>
      <c r="DT7" s="38" t="s">
        <v>102</v>
      </c>
      <c r="DU7" s="38" t="s">
        <v>102</v>
      </c>
      <c r="DV7" s="38">
        <v>0</v>
      </c>
      <c r="DW7" s="38">
        <v>0</v>
      </c>
      <c r="DX7" s="38">
        <v>0</v>
      </c>
      <c r="DY7" s="38" t="s">
        <v>102</v>
      </c>
      <c r="DZ7" s="38" t="s">
        <v>102</v>
      </c>
      <c r="EA7" s="38">
        <v>0</v>
      </c>
      <c r="EB7" s="38">
        <v>0.01</v>
      </c>
      <c r="EC7" s="38">
        <v>8.6199999999999992</v>
      </c>
      <c r="ED7" s="38">
        <v>6.2</v>
      </c>
      <c r="EE7" s="38" t="s">
        <v>102</v>
      </c>
      <c r="EF7" s="38" t="s">
        <v>102</v>
      </c>
      <c r="EG7" s="38">
        <v>0</v>
      </c>
      <c r="EH7" s="38">
        <v>0</v>
      </c>
      <c r="EI7" s="38">
        <v>0</v>
      </c>
      <c r="EJ7" s="38" t="s">
        <v>102</v>
      </c>
      <c r="EK7" s="38" t="s">
        <v>102</v>
      </c>
      <c r="EL7" s="38">
        <v>0.09</v>
      </c>
      <c r="EM7" s="38">
        <v>0.13</v>
      </c>
      <c r="EN7" s="38">
        <v>0.36</v>
      </c>
      <c r="EO7" s="38">
        <v>0.2800000000000000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7+12-B11&amp;"/1/"&amp;B12)</f>
        <v>46388</v>
      </c>
      <c r="C10" s="41">
        <f>DATEVALUE($B7+12-C11&amp;"/1/"&amp;C12)</f>
        <v>46753</v>
      </c>
      <c r="D10" s="41">
        <f>DATEVALUE($B7+12-D11&amp;"/1/"&amp;D12)</f>
        <v>47119</v>
      </c>
      <c r="E10" s="41">
        <f>DATEVALUE($B7+12-E11&amp;"/1/"&amp;E12)</f>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0</v>
      </c>
      <c r="E13" t="s">
        <v>110</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5:48:29Z</cp:lastPrinted>
  <dcterms:created xsi:type="dcterms:W3CDTF">2020-12-04T02:32:21Z</dcterms:created>
  <dcterms:modified xsi:type="dcterms:W3CDTF">2021-02-24T05:48:33Z</dcterms:modified>
  <cp:category/>
</cp:coreProperties>
</file>